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1" r:id="rId2"/>
    <p:sldId id="293" r:id="rId3"/>
    <p:sldId id="294" r:id="rId4"/>
    <p:sldId id="301" r:id="rId5"/>
    <p:sldId id="270" r:id="rId6"/>
    <p:sldId id="271" r:id="rId7"/>
    <p:sldId id="273" r:id="rId8"/>
    <p:sldId id="274" r:id="rId9"/>
    <p:sldId id="275" r:id="rId10"/>
    <p:sldId id="276" r:id="rId11"/>
    <p:sldId id="278" r:id="rId12"/>
    <p:sldId id="279" r:id="rId13"/>
    <p:sldId id="284" r:id="rId14"/>
    <p:sldId id="303" r:id="rId15"/>
    <p:sldId id="287" r:id="rId16"/>
    <p:sldId id="288" r:id="rId17"/>
    <p:sldId id="299" r:id="rId18"/>
    <p:sldId id="300" r:id="rId19"/>
    <p:sldId id="302" r:id="rId20"/>
    <p:sldId id="289" r:id="rId21"/>
    <p:sldId id="290" r:id="rId22"/>
    <p:sldId id="291" r:id="rId23"/>
    <p:sldId id="260" r:id="rId24"/>
  </p:sldIdLst>
  <p:sldSz cx="12188825" cy="6858000"/>
  <p:notesSz cx="6797675" cy="9926638"/>
  <p:embeddedFontLst>
    <p:embeddedFont>
      <p:font typeface="AU Passata" panose="020B0503030502030804" pitchFamily="34" charset="77"/>
      <p:regular r:id="rId27"/>
      <p:bold r:id="rId28"/>
    </p:embeddedFont>
    <p:embeddedFont>
      <p:font typeface="AU Passata Light" panose="020B0303030902030804" pitchFamily="34" charset="77"/>
      <p:regular r:id="rId29"/>
      <p:bold r:id="rId30"/>
    </p:embeddedFont>
    <p:embeddedFont>
      <p:font typeface="AU Peto" pitchFamily="82" charset="77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Cambria Math" panose="02040503050406030204" pitchFamily="18" charset="0"/>
      <p:regular r:id="rId37"/>
    </p:embeddedFont>
    <p:embeddedFont>
      <p:font typeface="Georgia" panose="02040502050405020303" pitchFamily="18" charset="0"/>
      <p:regular r:id="rId38"/>
      <p:bold r:id="rId39"/>
      <p:italic r:id="rId40"/>
      <p:boldItalic r:id="rId41"/>
    </p:embeddedFont>
    <p:embeddedFont>
      <p:font typeface="Trebuchet MS" panose="020B0703020202090204" pitchFamily="34" charset="0"/>
      <p:regular r:id="rId42"/>
      <p:bold r:id="rId43"/>
      <p:italic r:id="rId44"/>
    </p:embeddedFont>
    <p:embeddedFont>
      <p:font typeface="Wingdings 3" pitchFamily="2" charset="2"/>
      <p:regular r:id="rId4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9F00"/>
    <a:srgbClr val="ADDACC"/>
    <a:srgbClr val="009E73"/>
    <a:srgbClr val="0171B2"/>
    <a:srgbClr val="A9A9A9"/>
    <a:srgbClr val="ADCAE2"/>
    <a:srgbClr val="B7CBDB"/>
    <a:srgbClr val="C0C0C0"/>
    <a:srgbClr val="009000"/>
    <a:srgbClr val="04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834" autoAdjust="0"/>
    <p:restoredTop sz="96296" autoAdjust="0"/>
  </p:normalViewPr>
  <p:slideViewPr>
    <p:cSldViewPr snapToObjects="1" showGuides="1">
      <p:cViewPr varScale="1">
        <p:scale>
          <a:sx n="123" d="100"/>
          <a:sy n="123" d="100"/>
        </p:scale>
        <p:origin x="568" y="17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openxmlformats.org/officeDocument/2006/relationships/font" Target="fonts/font16.fntdata"/><Relationship Id="rId47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3.fntdata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font" Target="fonts/font19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4" Type="http://schemas.openxmlformats.org/officeDocument/2006/relationships/font" Target="fonts/font1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font" Target="fonts/font17.fntdata"/><Relationship Id="rId48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778878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657179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2784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38474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178293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47593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13th June 2022 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Monday meeting</a:t>
            </a: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13th July 2022 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Monday meeting</a:t>
            </a: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4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7.svg"/><Relationship Id="rId5" Type="http://schemas.openxmlformats.org/officeDocument/2006/relationships/image" Target="../media/image26.png"/><Relationship Id="rId4" Type="http://schemas.openxmlformats.org/officeDocument/2006/relationships/image" Target="../media/image4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27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6.png"/><Relationship Id="rId5" Type="http://schemas.openxmlformats.org/officeDocument/2006/relationships/image" Target="../media/image42.png"/><Relationship Id="rId4" Type="http://schemas.openxmlformats.org/officeDocument/2006/relationships/image" Target="../media/image46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4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7.svg"/><Relationship Id="rId5" Type="http://schemas.openxmlformats.org/officeDocument/2006/relationships/image" Target="../media/image26.png"/><Relationship Id="rId4" Type="http://schemas.openxmlformats.org/officeDocument/2006/relationships/image" Target="../media/image42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8.png"/><Relationship Id="rId18" Type="http://schemas.openxmlformats.org/officeDocument/2006/relationships/image" Target="../media/image58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2.xml"/><Relationship Id="rId21" Type="http://schemas.openxmlformats.org/officeDocument/2006/relationships/image" Target="../media/image61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57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1.svg"/><Relationship Id="rId20" Type="http://schemas.openxmlformats.org/officeDocument/2006/relationships/image" Target="../media/image60.png"/><Relationship Id="rId1" Type="http://schemas.openxmlformats.org/officeDocument/2006/relationships/tags" Target="../tags/tag13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24" Type="http://schemas.openxmlformats.org/officeDocument/2006/relationships/image" Target="../media/image64.png"/><Relationship Id="rId5" Type="http://schemas.openxmlformats.org/officeDocument/2006/relationships/image" Target="../media/image49.png"/><Relationship Id="rId15" Type="http://schemas.openxmlformats.org/officeDocument/2006/relationships/image" Target="../media/image30.png"/><Relationship Id="rId23" Type="http://schemas.openxmlformats.org/officeDocument/2006/relationships/image" Target="../media/image63.png"/><Relationship Id="rId10" Type="http://schemas.openxmlformats.org/officeDocument/2006/relationships/image" Target="../media/image54.png"/><Relationship Id="rId19" Type="http://schemas.openxmlformats.org/officeDocument/2006/relationships/image" Target="../media/image59.png"/><Relationship Id="rId4" Type="http://schemas.openxmlformats.org/officeDocument/2006/relationships/image" Target="../media/image48.png"/><Relationship Id="rId9" Type="http://schemas.openxmlformats.org/officeDocument/2006/relationships/image" Target="../media/image53.png"/><Relationship Id="rId14" Type="http://schemas.openxmlformats.org/officeDocument/2006/relationships/image" Target="../media/image29.svg"/><Relationship Id="rId22" Type="http://schemas.openxmlformats.org/officeDocument/2006/relationships/image" Target="../media/image62.png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image" Target="../media/image72.png"/><Relationship Id="rId18" Type="http://schemas.openxmlformats.org/officeDocument/2006/relationships/image" Target="../media/image77.svg"/><Relationship Id="rId26" Type="http://schemas.openxmlformats.org/officeDocument/2006/relationships/image" Target="../media/image85.png"/><Relationship Id="rId3" Type="http://schemas.openxmlformats.org/officeDocument/2006/relationships/notesSlide" Target="../notesSlides/notesSlide13.xml"/><Relationship Id="rId21" Type="http://schemas.openxmlformats.org/officeDocument/2006/relationships/image" Target="../media/image80.png"/><Relationship Id="rId7" Type="http://schemas.openxmlformats.org/officeDocument/2006/relationships/image" Target="../media/image30.png"/><Relationship Id="rId12" Type="http://schemas.openxmlformats.org/officeDocument/2006/relationships/image" Target="../media/image71.png"/><Relationship Id="rId17" Type="http://schemas.openxmlformats.org/officeDocument/2006/relationships/image" Target="../media/image76.png"/><Relationship Id="rId25" Type="http://schemas.openxmlformats.org/officeDocument/2006/relationships/image" Target="../media/image84.png"/><Relationship Id="rId33" Type="http://schemas.openxmlformats.org/officeDocument/2006/relationships/image" Target="../media/image92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75.png"/><Relationship Id="rId20" Type="http://schemas.openxmlformats.org/officeDocument/2006/relationships/image" Target="../media/image79.png"/><Relationship Id="rId29" Type="http://schemas.openxmlformats.org/officeDocument/2006/relationships/image" Target="../media/image88.png"/><Relationship Id="rId1" Type="http://schemas.openxmlformats.org/officeDocument/2006/relationships/tags" Target="../tags/tag14.xml"/><Relationship Id="rId6" Type="http://schemas.openxmlformats.org/officeDocument/2006/relationships/image" Target="../media/image29.svg"/><Relationship Id="rId11" Type="http://schemas.openxmlformats.org/officeDocument/2006/relationships/image" Target="../media/image70.png"/><Relationship Id="rId24" Type="http://schemas.openxmlformats.org/officeDocument/2006/relationships/image" Target="../media/image83.png"/><Relationship Id="rId32" Type="http://schemas.openxmlformats.org/officeDocument/2006/relationships/image" Target="../media/image91.png"/><Relationship Id="rId5" Type="http://schemas.openxmlformats.org/officeDocument/2006/relationships/image" Target="../media/image28.png"/><Relationship Id="rId15" Type="http://schemas.openxmlformats.org/officeDocument/2006/relationships/image" Target="../media/image74.png"/><Relationship Id="rId23" Type="http://schemas.openxmlformats.org/officeDocument/2006/relationships/image" Target="../media/image82.png"/><Relationship Id="rId28" Type="http://schemas.openxmlformats.org/officeDocument/2006/relationships/image" Target="../media/image87.png"/><Relationship Id="rId10" Type="http://schemas.openxmlformats.org/officeDocument/2006/relationships/image" Target="../media/image69.png"/><Relationship Id="rId19" Type="http://schemas.openxmlformats.org/officeDocument/2006/relationships/image" Target="../media/image78.png"/><Relationship Id="rId31" Type="http://schemas.openxmlformats.org/officeDocument/2006/relationships/image" Target="../media/image90.png"/><Relationship Id="rId4" Type="http://schemas.openxmlformats.org/officeDocument/2006/relationships/image" Target="../media/image67.png"/><Relationship Id="rId9" Type="http://schemas.openxmlformats.org/officeDocument/2006/relationships/image" Target="../media/image68.png"/><Relationship Id="rId14" Type="http://schemas.openxmlformats.org/officeDocument/2006/relationships/image" Target="../media/image73.png"/><Relationship Id="rId22" Type="http://schemas.openxmlformats.org/officeDocument/2006/relationships/image" Target="../media/image81.png"/><Relationship Id="rId27" Type="http://schemas.openxmlformats.org/officeDocument/2006/relationships/image" Target="../media/image86.png"/><Relationship Id="rId30" Type="http://schemas.openxmlformats.org/officeDocument/2006/relationships/image" Target="../media/image89.png"/><Relationship Id="rId8" Type="http://schemas.openxmlformats.org/officeDocument/2006/relationships/image" Target="../media/image31.sv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14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94.png"/><Relationship Id="rId1" Type="http://schemas.openxmlformats.org/officeDocument/2006/relationships/tags" Target="../tags/tag15.xml"/><Relationship Id="rId6" Type="http://schemas.openxmlformats.org/officeDocument/2006/relationships/image" Target="../media/image27.svg"/><Relationship Id="rId11" Type="http://schemas.openxmlformats.org/officeDocument/2006/relationships/image" Target="../media/image630.png"/><Relationship Id="rId5" Type="http://schemas.openxmlformats.org/officeDocument/2006/relationships/image" Target="../media/image26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93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95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5" Type="http://schemas.openxmlformats.org/officeDocument/2006/relationships/image" Target="../media/image96.png"/><Relationship Id="rId4" Type="http://schemas.openxmlformats.org/officeDocument/2006/relationships/image" Target="../media/image95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5" Type="http://schemas.openxmlformats.org/officeDocument/2006/relationships/image" Target="../media/image97.png"/><Relationship Id="rId4" Type="http://schemas.openxmlformats.org/officeDocument/2006/relationships/image" Target="../media/image95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4" Type="http://schemas.openxmlformats.org/officeDocument/2006/relationships/image" Target="../media/image97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6" Type="http://schemas.openxmlformats.org/officeDocument/2006/relationships/image" Target="../media/image13.svg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31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30.png"/><Relationship Id="rId11" Type="http://schemas.openxmlformats.org/officeDocument/2006/relationships/image" Target="../media/image35.svg"/><Relationship Id="rId5" Type="http://schemas.openxmlformats.org/officeDocument/2006/relationships/image" Target="../media/image29.svg"/><Relationship Id="rId10" Type="http://schemas.openxmlformats.org/officeDocument/2006/relationships/image" Target="../media/image34.png"/><Relationship Id="rId4" Type="http://schemas.openxmlformats.org/officeDocument/2006/relationships/image" Target="../media/image28.png"/><Relationship Id="rId9" Type="http://schemas.openxmlformats.org/officeDocument/2006/relationships/image" Target="../media/image33.sv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31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30.png"/><Relationship Id="rId11" Type="http://schemas.openxmlformats.org/officeDocument/2006/relationships/image" Target="../media/image35.svg"/><Relationship Id="rId5" Type="http://schemas.openxmlformats.org/officeDocument/2006/relationships/image" Target="../media/image29.svg"/><Relationship Id="rId10" Type="http://schemas.openxmlformats.org/officeDocument/2006/relationships/image" Target="../media/image34.png"/><Relationship Id="rId4" Type="http://schemas.openxmlformats.org/officeDocument/2006/relationships/image" Target="../media/image28.png"/><Relationship Id="rId9" Type="http://schemas.openxmlformats.org/officeDocument/2006/relationships/image" Target="../media/image33.sv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31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30.png"/><Relationship Id="rId11" Type="http://schemas.openxmlformats.org/officeDocument/2006/relationships/image" Target="../media/image35.svg"/><Relationship Id="rId5" Type="http://schemas.openxmlformats.org/officeDocument/2006/relationships/image" Target="../media/image29.svg"/><Relationship Id="rId10" Type="http://schemas.openxmlformats.org/officeDocument/2006/relationships/image" Target="../media/image34.png"/><Relationship Id="rId4" Type="http://schemas.openxmlformats.org/officeDocument/2006/relationships/image" Target="../media/image28.png"/><Relationship Id="rId9" Type="http://schemas.openxmlformats.org/officeDocument/2006/relationships/image" Target="../media/image33.sv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image" Target="../media/image17.svg"/><Relationship Id="rId5" Type="http://schemas.openxmlformats.org/officeDocument/2006/relationships/image" Target="../media/image16.png"/><Relationship Id="rId4" Type="http://schemas.openxmlformats.org/officeDocument/2006/relationships/image" Target="../media/image15.jpe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13" Type="http://schemas.openxmlformats.org/officeDocument/2006/relationships/image" Target="../media/image17.sv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21.svg"/><Relationship Id="rId12" Type="http://schemas.openxmlformats.org/officeDocument/2006/relationships/image" Target="../media/image1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20.png"/><Relationship Id="rId11" Type="http://schemas.openxmlformats.org/officeDocument/2006/relationships/image" Target="../media/image25.svg"/><Relationship Id="rId5" Type="http://schemas.openxmlformats.org/officeDocument/2006/relationships/image" Target="../media/image19.svg"/><Relationship Id="rId10" Type="http://schemas.openxmlformats.org/officeDocument/2006/relationships/image" Target="../media/image24.png"/><Relationship Id="rId4" Type="http://schemas.openxmlformats.org/officeDocument/2006/relationships/image" Target="../media/image18.png"/><Relationship Id="rId9" Type="http://schemas.openxmlformats.org/officeDocument/2006/relationships/image" Target="../media/image23.sv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27.svg"/><Relationship Id="rId4" Type="http://schemas.openxmlformats.org/officeDocument/2006/relationships/image" Target="../media/image26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13" Type="http://schemas.openxmlformats.org/officeDocument/2006/relationships/image" Target="../media/image37.png"/><Relationship Id="rId3" Type="http://schemas.openxmlformats.org/officeDocument/2006/relationships/notesSlide" Target="../notesSlides/notesSlide5.xml"/><Relationship Id="rId7" Type="http://schemas.openxmlformats.org/officeDocument/2006/relationships/image" Target="../media/image31.svg"/><Relationship Id="rId12" Type="http://schemas.openxmlformats.org/officeDocument/2006/relationships/image" Target="../media/image36.png"/><Relationship Id="rId17" Type="http://schemas.openxmlformats.org/officeDocument/2006/relationships/image" Target="../media/image41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40.png"/><Relationship Id="rId1" Type="http://schemas.openxmlformats.org/officeDocument/2006/relationships/tags" Target="../tags/tag6.xml"/><Relationship Id="rId6" Type="http://schemas.openxmlformats.org/officeDocument/2006/relationships/image" Target="../media/image30.png"/><Relationship Id="rId11" Type="http://schemas.openxmlformats.org/officeDocument/2006/relationships/image" Target="../media/image35.svg"/><Relationship Id="rId5" Type="http://schemas.openxmlformats.org/officeDocument/2006/relationships/image" Target="../media/image29.svg"/><Relationship Id="rId15" Type="http://schemas.openxmlformats.org/officeDocument/2006/relationships/image" Target="../media/image39.png"/><Relationship Id="rId10" Type="http://schemas.openxmlformats.org/officeDocument/2006/relationships/image" Target="../media/image34.png"/><Relationship Id="rId4" Type="http://schemas.openxmlformats.org/officeDocument/2006/relationships/image" Target="../media/image28.png"/><Relationship Id="rId9" Type="http://schemas.openxmlformats.org/officeDocument/2006/relationships/image" Target="../media/image33.svg"/><Relationship Id="rId14" Type="http://schemas.openxmlformats.org/officeDocument/2006/relationships/image" Target="../media/image38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42.png"/><Relationship Id="rId5" Type="http://schemas.openxmlformats.org/officeDocument/2006/relationships/image" Target="../media/image27.svg"/><Relationship Id="rId4" Type="http://schemas.openxmlformats.org/officeDocument/2006/relationships/image" Target="../media/image2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7" Type="http://schemas.openxmlformats.org/officeDocument/2006/relationships/image" Target="../media/image27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26.png"/><Relationship Id="rId5" Type="http://schemas.openxmlformats.org/officeDocument/2006/relationships/image" Target="../media/image42.png"/><Relationship Id="rId4" Type="http://schemas.openxmlformats.org/officeDocument/2006/relationships/image" Target="../media/image4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27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6.png"/><Relationship Id="rId5" Type="http://schemas.openxmlformats.org/officeDocument/2006/relationships/image" Target="../media/image42.png"/><Relationship Id="rId4" Type="http://schemas.openxmlformats.org/officeDocument/2006/relationships/image" Target="../media/image4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1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TRAILS: topological reconstruction of the ancestry using incomplete lineage sorting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308609F6-EB21-F34E-BC65-DC1BC462E7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1794" y="1625117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10">
            <a:extLst>
              <a:ext uri="{FF2B5EF4-FFF2-40B4-BE49-F238E27FC236}">
                <a16:creationId xmlns:a16="http://schemas.microsoft.com/office/drawing/2014/main" id="{6728CA3B-5FBB-F742-933F-B5149FBB18F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005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6">
            <a:extLst>
              <a:ext uri="{FF2B5EF4-FFF2-40B4-BE49-F238E27FC236}">
                <a16:creationId xmlns:a16="http://schemas.microsoft.com/office/drawing/2014/main" id="{9B8B110A-1134-F74D-92B0-04BD0070185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91" t="3511" r="3091" b="3794"/>
          <a:stretch/>
        </p:blipFill>
        <p:spPr bwMode="auto">
          <a:xfrm>
            <a:off x="1557907" y="1196752"/>
            <a:ext cx="4813162" cy="4755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4779220" y="1772816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363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869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7391" r="-4348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66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4446624" y="1352149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6624" y="1352149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040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5173305" y="1351924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73305" y="1351924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9091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855825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9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0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1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12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13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14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15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16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34" name="Graphic 133">
            <a:extLst>
              <a:ext uri="{FF2B5EF4-FFF2-40B4-BE49-F238E27FC236}">
                <a16:creationId xmlns:a16="http://schemas.microsoft.com/office/drawing/2014/main" id="{4F6175A4-62B5-A91D-460B-63C82F24DFF3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442953" y="744340"/>
            <a:ext cx="9301920" cy="5581152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35" name="TextBox 134">
                <a:extLst>
                  <a:ext uri="{FF2B5EF4-FFF2-40B4-BE49-F238E27FC236}">
                    <a16:creationId xmlns:a16="http://schemas.microsoft.com/office/drawing/2014/main" id="{4E7FEC58-CF70-8859-B538-4B9F8009D959}"/>
                  </a:ext>
                </a:extLst>
              </p:cNvPr>
              <p:cNvSpPr txBox="1"/>
              <p:nvPr/>
            </p:nvSpPr>
            <p:spPr>
              <a:xfrm>
                <a:off x="2005731" y="782743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1400FF"/>
                  </a:solidFill>
                </a:endParaRPr>
              </a:p>
            </p:txBody>
          </p:sp>
        </mc:Choice>
        <mc:Fallback>
          <p:sp>
            <p:nvSpPr>
              <p:cNvPr id="135" name="TextBox 134">
                <a:extLst>
                  <a:ext uri="{FF2B5EF4-FFF2-40B4-BE49-F238E27FC236}">
                    <a16:creationId xmlns:a16="http://schemas.microsoft.com/office/drawing/2014/main" id="{4E7FEC58-CF70-8859-B538-4B9F8009D95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5731" y="782743"/>
                <a:ext cx="366503" cy="590538"/>
              </a:xfrm>
              <a:prstGeom prst="rect">
                <a:avLst/>
              </a:prstGeom>
              <a:blipFill>
                <a:blip r:embed="rId19"/>
                <a:stretch>
                  <a:fillRect l="-13333" r="-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6" name="TextBox 135">
                <a:extLst>
                  <a:ext uri="{FF2B5EF4-FFF2-40B4-BE49-F238E27FC236}">
                    <a16:creationId xmlns:a16="http://schemas.microsoft.com/office/drawing/2014/main" id="{77ACF9B6-DD5B-E418-983B-2480AB85E223}"/>
                  </a:ext>
                </a:extLst>
              </p:cNvPr>
              <p:cNvSpPr txBox="1"/>
              <p:nvPr/>
            </p:nvSpPr>
            <p:spPr>
              <a:xfrm>
                <a:off x="2599759" y="782743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009000"/>
                  </a:solidFill>
                </a:endParaRPr>
              </a:p>
            </p:txBody>
          </p:sp>
        </mc:Choice>
        <mc:Fallback>
          <p:sp>
            <p:nvSpPr>
              <p:cNvPr id="136" name="TextBox 135">
                <a:extLst>
                  <a:ext uri="{FF2B5EF4-FFF2-40B4-BE49-F238E27FC236}">
                    <a16:creationId xmlns:a16="http://schemas.microsoft.com/office/drawing/2014/main" id="{77ACF9B6-DD5B-E418-983B-2480AB85E22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99759" y="782743"/>
                <a:ext cx="366503" cy="590538"/>
              </a:xfrm>
              <a:prstGeom prst="rect">
                <a:avLst/>
              </a:prstGeom>
              <a:blipFill>
                <a:blip r:embed="rId20"/>
                <a:stretch>
                  <a:fillRect l="-13333" r="-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7" name="TextBox 136">
                <a:extLst>
                  <a:ext uri="{FF2B5EF4-FFF2-40B4-BE49-F238E27FC236}">
                    <a16:creationId xmlns:a16="http://schemas.microsoft.com/office/drawing/2014/main" id="{A99F0FEE-F76B-C979-E623-DA570674F6EC}"/>
                  </a:ext>
                </a:extLst>
              </p:cNvPr>
              <p:cNvSpPr txBox="1"/>
              <p:nvPr/>
            </p:nvSpPr>
            <p:spPr>
              <a:xfrm>
                <a:off x="4321715" y="782743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1400FF"/>
                  </a:solidFill>
                </a:endParaRPr>
              </a:p>
            </p:txBody>
          </p:sp>
        </mc:Choice>
        <mc:Fallback>
          <p:sp>
            <p:nvSpPr>
              <p:cNvPr id="137" name="TextBox 136">
                <a:extLst>
                  <a:ext uri="{FF2B5EF4-FFF2-40B4-BE49-F238E27FC236}">
                    <a16:creationId xmlns:a16="http://schemas.microsoft.com/office/drawing/2014/main" id="{A99F0FEE-F76B-C979-E623-DA570674F6E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21715" y="782743"/>
                <a:ext cx="366503" cy="590538"/>
              </a:xfrm>
              <a:prstGeom prst="rect">
                <a:avLst/>
              </a:prstGeom>
              <a:blipFill>
                <a:blip r:embed="rId21"/>
                <a:stretch>
                  <a:fillRect l="-13333" r="-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8" name="TextBox 137">
                <a:extLst>
                  <a:ext uri="{FF2B5EF4-FFF2-40B4-BE49-F238E27FC236}">
                    <a16:creationId xmlns:a16="http://schemas.microsoft.com/office/drawing/2014/main" id="{207ACD44-C654-944F-392B-D205C47EE3C7}"/>
                  </a:ext>
                </a:extLst>
              </p:cNvPr>
              <p:cNvSpPr txBox="1"/>
              <p:nvPr/>
            </p:nvSpPr>
            <p:spPr>
              <a:xfrm>
                <a:off x="4904800" y="782743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009000"/>
                  </a:solidFill>
                </a:endParaRPr>
              </a:p>
            </p:txBody>
          </p:sp>
        </mc:Choice>
        <mc:Fallback>
          <p:sp>
            <p:nvSpPr>
              <p:cNvPr id="138" name="TextBox 137">
                <a:extLst>
                  <a:ext uri="{FF2B5EF4-FFF2-40B4-BE49-F238E27FC236}">
                    <a16:creationId xmlns:a16="http://schemas.microsoft.com/office/drawing/2014/main" id="{207ACD44-C654-944F-392B-D205C47EE3C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904800" y="782743"/>
                <a:ext cx="366503" cy="590538"/>
              </a:xfrm>
              <a:prstGeom prst="rect">
                <a:avLst/>
              </a:prstGeom>
              <a:blipFill>
                <a:blip r:embed="rId22"/>
                <a:stretch>
                  <a:fillRect l="-13333" r="-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9" name="TextBox 138">
                <a:extLst>
                  <a:ext uri="{FF2B5EF4-FFF2-40B4-BE49-F238E27FC236}">
                    <a16:creationId xmlns:a16="http://schemas.microsoft.com/office/drawing/2014/main" id="{1E5366B0-E5F3-F08D-9548-BCAD1388F271}"/>
                  </a:ext>
                </a:extLst>
              </p:cNvPr>
              <p:cNvSpPr txBox="1"/>
              <p:nvPr/>
            </p:nvSpPr>
            <p:spPr>
              <a:xfrm>
                <a:off x="6637700" y="782743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1400FF"/>
                  </a:solidFill>
                </a:endParaRPr>
              </a:p>
            </p:txBody>
          </p:sp>
        </mc:Choice>
        <mc:Fallback>
          <p:sp>
            <p:nvSpPr>
              <p:cNvPr id="139" name="TextBox 138">
                <a:extLst>
                  <a:ext uri="{FF2B5EF4-FFF2-40B4-BE49-F238E27FC236}">
                    <a16:creationId xmlns:a16="http://schemas.microsoft.com/office/drawing/2014/main" id="{1E5366B0-E5F3-F08D-9548-BCAD1388F27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637700" y="782743"/>
                <a:ext cx="366503" cy="590538"/>
              </a:xfrm>
              <a:prstGeom prst="rect">
                <a:avLst/>
              </a:prstGeom>
              <a:blipFill>
                <a:blip r:embed="rId23"/>
                <a:stretch>
                  <a:fillRect l="-13333" r="-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0" name="TextBox 139">
                <a:extLst>
                  <a:ext uri="{FF2B5EF4-FFF2-40B4-BE49-F238E27FC236}">
                    <a16:creationId xmlns:a16="http://schemas.microsoft.com/office/drawing/2014/main" id="{0D19F538-EADC-7F39-B05A-637E4361D317}"/>
                  </a:ext>
                </a:extLst>
              </p:cNvPr>
              <p:cNvSpPr txBox="1"/>
              <p:nvPr/>
            </p:nvSpPr>
            <p:spPr>
              <a:xfrm>
                <a:off x="7207254" y="783240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009000"/>
                  </a:solidFill>
                </a:endParaRPr>
              </a:p>
            </p:txBody>
          </p:sp>
        </mc:Choice>
        <mc:Fallback>
          <p:sp>
            <p:nvSpPr>
              <p:cNvPr id="140" name="TextBox 139">
                <a:extLst>
                  <a:ext uri="{FF2B5EF4-FFF2-40B4-BE49-F238E27FC236}">
                    <a16:creationId xmlns:a16="http://schemas.microsoft.com/office/drawing/2014/main" id="{0D19F538-EADC-7F39-B05A-637E4361D31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07254" y="783240"/>
                <a:ext cx="366503" cy="590538"/>
              </a:xfrm>
              <a:prstGeom prst="rect">
                <a:avLst/>
              </a:prstGeom>
              <a:blipFill>
                <a:blip r:embed="rId24"/>
                <a:stretch>
                  <a:fillRect l="-13333" r="-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1" name="TextBox 140">
                <a:extLst>
                  <a:ext uri="{FF2B5EF4-FFF2-40B4-BE49-F238E27FC236}">
                    <a16:creationId xmlns:a16="http://schemas.microsoft.com/office/drawing/2014/main" id="{44D9DA80-CDE2-7A85-0CB0-E94F63DFF5AA}"/>
                  </a:ext>
                </a:extLst>
              </p:cNvPr>
              <p:cNvSpPr txBox="1"/>
              <p:nvPr/>
            </p:nvSpPr>
            <p:spPr>
              <a:xfrm>
                <a:off x="8982601" y="781189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1400FF"/>
                  </a:solidFill>
                </a:endParaRPr>
              </a:p>
            </p:txBody>
          </p:sp>
        </mc:Choice>
        <mc:Fallback>
          <p:sp>
            <p:nvSpPr>
              <p:cNvPr id="141" name="TextBox 140">
                <a:extLst>
                  <a:ext uri="{FF2B5EF4-FFF2-40B4-BE49-F238E27FC236}">
                    <a16:creationId xmlns:a16="http://schemas.microsoft.com/office/drawing/2014/main" id="{44D9DA80-CDE2-7A85-0CB0-E94F63DFF5A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982601" y="781189"/>
                <a:ext cx="366503" cy="590538"/>
              </a:xfrm>
              <a:prstGeom prst="rect">
                <a:avLst/>
              </a:prstGeom>
              <a:blipFill>
                <a:blip r:embed="rId25"/>
                <a:stretch>
                  <a:fillRect l="-13333" r="-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2" name="TextBox 141">
                <a:extLst>
                  <a:ext uri="{FF2B5EF4-FFF2-40B4-BE49-F238E27FC236}">
                    <a16:creationId xmlns:a16="http://schemas.microsoft.com/office/drawing/2014/main" id="{E2849EA4-34F4-820F-F9BC-7B698A1B3CD6}"/>
                  </a:ext>
                </a:extLst>
              </p:cNvPr>
              <p:cNvSpPr txBox="1"/>
              <p:nvPr/>
            </p:nvSpPr>
            <p:spPr>
              <a:xfrm>
                <a:off x="9530268" y="781686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009000"/>
                  </a:solidFill>
                </a:endParaRPr>
              </a:p>
            </p:txBody>
          </p:sp>
        </mc:Choice>
        <mc:Fallback>
          <p:sp>
            <p:nvSpPr>
              <p:cNvPr id="142" name="TextBox 141">
                <a:extLst>
                  <a:ext uri="{FF2B5EF4-FFF2-40B4-BE49-F238E27FC236}">
                    <a16:creationId xmlns:a16="http://schemas.microsoft.com/office/drawing/2014/main" id="{E2849EA4-34F4-820F-F9BC-7B698A1B3CD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530268" y="781686"/>
                <a:ext cx="366503" cy="590538"/>
              </a:xfrm>
              <a:prstGeom prst="rect">
                <a:avLst/>
              </a:prstGeom>
              <a:blipFill>
                <a:blip r:embed="rId26"/>
                <a:stretch>
                  <a:fillRect l="-16667" r="-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3" name="TextBox 142">
                <a:extLst>
                  <a:ext uri="{FF2B5EF4-FFF2-40B4-BE49-F238E27FC236}">
                    <a16:creationId xmlns:a16="http://schemas.microsoft.com/office/drawing/2014/main" id="{AFBED6DF-68AA-254E-229A-2F2E86EED6C0}"/>
                  </a:ext>
                </a:extLst>
              </p:cNvPr>
              <p:cNvSpPr txBox="1"/>
              <p:nvPr/>
            </p:nvSpPr>
            <p:spPr>
              <a:xfrm>
                <a:off x="2011628" y="3414029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1400FF"/>
                  </a:solidFill>
                </a:endParaRPr>
              </a:p>
            </p:txBody>
          </p:sp>
        </mc:Choice>
        <mc:Fallback>
          <p:sp>
            <p:nvSpPr>
              <p:cNvPr id="143" name="TextBox 142">
                <a:extLst>
                  <a:ext uri="{FF2B5EF4-FFF2-40B4-BE49-F238E27FC236}">
                    <a16:creationId xmlns:a16="http://schemas.microsoft.com/office/drawing/2014/main" id="{AFBED6DF-68AA-254E-229A-2F2E86EED6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11628" y="3414029"/>
                <a:ext cx="366503" cy="590538"/>
              </a:xfrm>
              <a:prstGeom prst="rect">
                <a:avLst/>
              </a:prstGeom>
              <a:blipFill>
                <a:blip r:embed="rId27"/>
                <a:stretch>
                  <a:fillRect l="-13333" r="-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4" name="TextBox 143">
                <a:extLst>
                  <a:ext uri="{FF2B5EF4-FFF2-40B4-BE49-F238E27FC236}">
                    <a16:creationId xmlns:a16="http://schemas.microsoft.com/office/drawing/2014/main" id="{438C8B82-67A0-D900-BA22-CC98670B1638}"/>
                  </a:ext>
                </a:extLst>
              </p:cNvPr>
              <p:cNvSpPr txBox="1"/>
              <p:nvPr/>
            </p:nvSpPr>
            <p:spPr>
              <a:xfrm>
                <a:off x="2605656" y="3414029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009000"/>
                  </a:solidFill>
                </a:endParaRPr>
              </a:p>
            </p:txBody>
          </p:sp>
        </mc:Choice>
        <mc:Fallback>
          <p:sp>
            <p:nvSpPr>
              <p:cNvPr id="144" name="TextBox 143">
                <a:extLst>
                  <a:ext uri="{FF2B5EF4-FFF2-40B4-BE49-F238E27FC236}">
                    <a16:creationId xmlns:a16="http://schemas.microsoft.com/office/drawing/2014/main" id="{438C8B82-67A0-D900-BA22-CC98670B163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05656" y="3414029"/>
                <a:ext cx="366503" cy="590538"/>
              </a:xfrm>
              <a:prstGeom prst="rect">
                <a:avLst/>
              </a:prstGeom>
              <a:blipFill>
                <a:blip r:embed="rId28"/>
                <a:stretch>
                  <a:fillRect l="-12903" r="-322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5" name="TextBox 144">
                <a:extLst>
                  <a:ext uri="{FF2B5EF4-FFF2-40B4-BE49-F238E27FC236}">
                    <a16:creationId xmlns:a16="http://schemas.microsoft.com/office/drawing/2014/main" id="{F6CB154B-8225-D9D7-AB85-9EE0BF8DA955}"/>
                  </a:ext>
                </a:extLst>
              </p:cNvPr>
              <p:cNvSpPr txBox="1"/>
              <p:nvPr/>
            </p:nvSpPr>
            <p:spPr>
              <a:xfrm>
                <a:off x="4327613" y="3414029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1400FF"/>
                  </a:solidFill>
                </a:endParaRPr>
              </a:p>
            </p:txBody>
          </p:sp>
        </mc:Choice>
        <mc:Fallback>
          <p:sp>
            <p:nvSpPr>
              <p:cNvPr id="145" name="TextBox 144">
                <a:extLst>
                  <a:ext uri="{FF2B5EF4-FFF2-40B4-BE49-F238E27FC236}">
                    <a16:creationId xmlns:a16="http://schemas.microsoft.com/office/drawing/2014/main" id="{F6CB154B-8225-D9D7-AB85-9EE0BF8DA95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27613" y="3414029"/>
                <a:ext cx="366503" cy="590538"/>
              </a:xfrm>
              <a:prstGeom prst="rect">
                <a:avLst/>
              </a:prstGeom>
              <a:blipFill>
                <a:blip r:embed="rId29"/>
                <a:stretch>
                  <a:fillRect l="-13333" r="-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6" name="TextBox 145">
                <a:extLst>
                  <a:ext uri="{FF2B5EF4-FFF2-40B4-BE49-F238E27FC236}">
                    <a16:creationId xmlns:a16="http://schemas.microsoft.com/office/drawing/2014/main" id="{E78BDDE6-B0DE-FD02-F1D0-34CAFFE8CA7E}"/>
                  </a:ext>
                </a:extLst>
              </p:cNvPr>
              <p:cNvSpPr txBox="1"/>
              <p:nvPr/>
            </p:nvSpPr>
            <p:spPr>
              <a:xfrm>
                <a:off x="4910698" y="3414029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009000"/>
                  </a:solidFill>
                </a:endParaRPr>
              </a:p>
            </p:txBody>
          </p:sp>
        </mc:Choice>
        <mc:Fallback>
          <p:sp>
            <p:nvSpPr>
              <p:cNvPr id="146" name="TextBox 145">
                <a:extLst>
                  <a:ext uri="{FF2B5EF4-FFF2-40B4-BE49-F238E27FC236}">
                    <a16:creationId xmlns:a16="http://schemas.microsoft.com/office/drawing/2014/main" id="{E78BDDE6-B0DE-FD02-F1D0-34CAFFE8CA7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910698" y="3414029"/>
                <a:ext cx="366503" cy="590538"/>
              </a:xfrm>
              <a:prstGeom prst="rect">
                <a:avLst/>
              </a:prstGeom>
              <a:blipFill>
                <a:blip r:embed="rId30"/>
                <a:stretch>
                  <a:fillRect l="-13333" r="-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7" name="TextBox 146">
                <a:extLst>
                  <a:ext uri="{FF2B5EF4-FFF2-40B4-BE49-F238E27FC236}">
                    <a16:creationId xmlns:a16="http://schemas.microsoft.com/office/drawing/2014/main" id="{F1180777-F179-03D0-F440-14B08DB0DB3A}"/>
                  </a:ext>
                </a:extLst>
              </p:cNvPr>
              <p:cNvSpPr txBox="1"/>
              <p:nvPr/>
            </p:nvSpPr>
            <p:spPr>
              <a:xfrm>
                <a:off x="6643597" y="3414029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1400FF"/>
                  </a:solidFill>
                </a:endParaRPr>
              </a:p>
            </p:txBody>
          </p:sp>
        </mc:Choice>
        <mc:Fallback>
          <p:sp>
            <p:nvSpPr>
              <p:cNvPr id="147" name="TextBox 146">
                <a:extLst>
                  <a:ext uri="{FF2B5EF4-FFF2-40B4-BE49-F238E27FC236}">
                    <a16:creationId xmlns:a16="http://schemas.microsoft.com/office/drawing/2014/main" id="{F1180777-F179-03D0-F440-14B08DB0DB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643597" y="3414029"/>
                <a:ext cx="366503" cy="590538"/>
              </a:xfrm>
              <a:prstGeom prst="rect">
                <a:avLst/>
              </a:prstGeom>
              <a:blipFill>
                <a:blip r:embed="rId31"/>
                <a:stretch>
                  <a:fillRect l="-17241" r="-689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8" name="TextBox 147">
                <a:extLst>
                  <a:ext uri="{FF2B5EF4-FFF2-40B4-BE49-F238E27FC236}">
                    <a16:creationId xmlns:a16="http://schemas.microsoft.com/office/drawing/2014/main" id="{F8D7F2B3-3AD8-BC68-6400-52F93C6F944A}"/>
                  </a:ext>
                </a:extLst>
              </p:cNvPr>
              <p:cNvSpPr txBox="1"/>
              <p:nvPr/>
            </p:nvSpPr>
            <p:spPr>
              <a:xfrm>
                <a:off x="7213152" y="3414526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009000"/>
                  </a:solidFill>
                </a:endParaRPr>
              </a:p>
            </p:txBody>
          </p:sp>
        </mc:Choice>
        <mc:Fallback>
          <p:sp>
            <p:nvSpPr>
              <p:cNvPr id="148" name="TextBox 147">
                <a:extLst>
                  <a:ext uri="{FF2B5EF4-FFF2-40B4-BE49-F238E27FC236}">
                    <a16:creationId xmlns:a16="http://schemas.microsoft.com/office/drawing/2014/main" id="{F8D7F2B3-3AD8-BC68-6400-52F93C6F944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13152" y="3414526"/>
                <a:ext cx="366503" cy="590538"/>
              </a:xfrm>
              <a:prstGeom prst="rect">
                <a:avLst/>
              </a:prstGeom>
              <a:blipFill>
                <a:blip r:embed="rId32"/>
                <a:stretch>
                  <a:fillRect l="-13333" r="-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9" name="TextBox 148">
                <a:extLst>
                  <a:ext uri="{FF2B5EF4-FFF2-40B4-BE49-F238E27FC236}">
                    <a16:creationId xmlns:a16="http://schemas.microsoft.com/office/drawing/2014/main" id="{04E3C85F-5BC4-DBF8-409F-F1CE7CB26884}"/>
                  </a:ext>
                </a:extLst>
              </p:cNvPr>
              <p:cNvSpPr txBox="1"/>
              <p:nvPr/>
            </p:nvSpPr>
            <p:spPr>
              <a:xfrm>
                <a:off x="8988499" y="3412475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1400FF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1400FF"/>
                  </a:solidFill>
                </a:endParaRPr>
              </a:p>
            </p:txBody>
          </p:sp>
        </mc:Choice>
        <mc:Fallback>
          <p:sp>
            <p:nvSpPr>
              <p:cNvPr id="149" name="TextBox 148">
                <a:extLst>
                  <a:ext uri="{FF2B5EF4-FFF2-40B4-BE49-F238E27FC236}">
                    <a16:creationId xmlns:a16="http://schemas.microsoft.com/office/drawing/2014/main" id="{04E3C85F-5BC4-DBF8-409F-F1CE7CB2688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988499" y="3412475"/>
                <a:ext cx="366503" cy="590538"/>
              </a:xfrm>
              <a:prstGeom prst="rect">
                <a:avLst/>
              </a:prstGeom>
              <a:blipFill>
                <a:blip r:embed="rId33"/>
                <a:stretch>
                  <a:fillRect l="-13333" r="-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50" name="TextBox 149">
                <a:extLst>
                  <a:ext uri="{FF2B5EF4-FFF2-40B4-BE49-F238E27FC236}">
                    <a16:creationId xmlns:a16="http://schemas.microsoft.com/office/drawing/2014/main" id="{3774B1E1-EF11-3AD3-5760-0C4537B4C401}"/>
                  </a:ext>
                </a:extLst>
              </p:cNvPr>
              <p:cNvSpPr txBox="1"/>
              <p:nvPr/>
            </p:nvSpPr>
            <p:spPr>
              <a:xfrm>
                <a:off x="9536166" y="3412973"/>
                <a:ext cx="366503" cy="59053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  <m:sup>
                          <m:r>
                            <a:rPr lang="da-DK" sz="1600" b="0" i="0" smtClean="0">
                              <a:solidFill>
                                <a:srgbClr val="009000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solidFill>
                    <a:srgbClr val="009000"/>
                  </a:solidFill>
                </a:endParaRPr>
              </a:p>
            </p:txBody>
          </p:sp>
        </mc:Choice>
        <mc:Fallback>
          <p:sp>
            <p:nvSpPr>
              <p:cNvPr id="150" name="TextBox 149">
                <a:extLst>
                  <a:ext uri="{FF2B5EF4-FFF2-40B4-BE49-F238E27FC236}">
                    <a16:creationId xmlns:a16="http://schemas.microsoft.com/office/drawing/2014/main" id="{3774B1E1-EF11-3AD3-5760-0C4537B4C40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536166" y="3412973"/>
                <a:ext cx="366503" cy="590538"/>
              </a:xfrm>
              <a:prstGeom prst="rect">
                <a:avLst/>
              </a:prstGeom>
              <a:blipFill>
                <a:blip r:embed="rId32"/>
                <a:stretch>
                  <a:fillRect l="-13333" r="-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41572816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397979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052736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4100" name="Picture 4">
            <a:extLst>
              <a:ext uri="{FF2B5EF4-FFF2-40B4-BE49-F238E27FC236}">
                <a16:creationId xmlns:a16="http://schemas.microsoft.com/office/drawing/2014/main" id="{18DBBB0F-FB48-8F4B-BB09-0EE02B5A7D1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51" b="6951"/>
          <a:stretch/>
        </p:blipFill>
        <p:spPr bwMode="auto">
          <a:xfrm>
            <a:off x="6454452" y="1268760"/>
            <a:ext cx="5384697" cy="46361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pic>
        <p:nvPicPr>
          <p:cNvPr id="39" name="Picture 2">
            <a:extLst>
              <a:ext uri="{FF2B5EF4-FFF2-40B4-BE49-F238E27FC236}">
                <a16:creationId xmlns:a16="http://schemas.microsoft.com/office/drawing/2014/main" id="{957F928C-661E-B449-A70A-2F51791A57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1" name="Group 20">
            <a:extLst>
              <a:ext uri="{FF2B5EF4-FFF2-40B4-BE49-F238E27FC236}">
                <a16:creationId xmlns:a16="http://schemas.microsoft.com/office/drawing/2014/main" id="{74C4D2D7-68D0-E749-AED2-8E330E806B42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385CAFD1-65E0-8748-AE27-ADEB82C8E7B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06F4D2AD-631D-144C-990F-52F6CD9DE9B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16B82C46-B935-754A-B5AC-A98ED7771CA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3" name="Straight Connector 42">
              <a:extLst>
                <a:ext uri="{FF2B5EF4-FFF2-40B4-BE49-F238E27FC236}">
                  <a16:creationId xmlns:a16="http://schemas.microsoft.com/office/drawing/2014/main" id="{29326CD5-B740-6D4D-97DA-A1138753A0A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ED408096-B621-7143-9A95-572A7B0E3B2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BD5216E1-B5F7-D44A-9548-F17A0F6D2F8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FEBB2FC4-3F40-EC4C-8B30-5040917AE4F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9FC9EAE1-E606-AE45-9AEA-68805F03A166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AC5F82B7-0DB7-1343-A156-77CF12116DC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53A246F6-288A-D541-B5D4-0C1D4ECD75B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5ADD550-76C8-8646-B77F-2999E46F98B6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AF17B2CB-FA22-3947-A152-5C39333041B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B162DCFD-ADC7-4C45-AF91-77342FCAF569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CC9EAF71-8F36-FB40-871B-D5E3A7EA30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1E50F36-360C-E540-8F5F-55B28128D59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0728DEB-B124-D24D-97BE-12071FBDDA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Picture 2">
            <a:extLst>
              <a:ext uri="{FF2B5EF4-FFF2-40B4-BE49-F238E27FC236}">
                <a16:creationId xmlns:a16="http://schemas.microsoft.com/office/drawing/2014/main" id="{642D59FE-51F9-A240-9C35-4A654C3883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7" name="Group 46">
            <a:extLst>
              <a:ext uri="{FF2B5EF4-FFF2-40B4-BE49-F238E27FC236}">
                <a16:creationId xmlns:a16="http://schemas.microsoft.com/office/drawing/2014/main" id="{AF0251D4-6089-144C-8E40-8DA1886A4675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0E5C3E2-3062-9B46-A17A-9BAA0308154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C8BBEBF-8045-CC4A-8336-2194E329710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B2335C6-00CA-B742-A968-C90EE28A286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C4EBD371-9058-6B4F-8C83-4904E2FEF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565EC7F7-56B7-8E47-BD65-3BE9E6EBBA7C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FF4FFF09-0FEB-C849-B1C6-5BCE2063B11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315AB3D-C1C5-6542-974C-044009E2217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4C4C8B29-AA2E-F94C-879D-DF85C6BBFD05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16F99E6D-2FBB-1A42-8BAA-01ABA274DCF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508AA09-49F8-A64D-BBFF-8C8E832060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59B63E95-EC4F-AA44-98F8-E86FF33401C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02788CB6-2C66-6942-AC9F-44A63632ED0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EB56AEC-CE07-944A-926B-67423CD81DDD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9C03AB05-A90F-394A-AD3A-06911E5DD8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65DC20CC-9F8B-F441-A59B-73DD847B46B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00A0109D-81C3-994D-8699-366A87E6882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4704745" y="5136116"/>
            <a:ext cx="432048" cy="34431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4704745" y="3269256"/>
            <a:ext cx="432048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013884" y="3754876"/>
            <a:ext cx="289622" cy="1381201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0874" h="2895218">
                <a:moveTo>
                  <a:pt x="185872" y="2895218"/>
                </a:moveTo>
                <a:cubicBezTo>
                  <a:pt x="151948" y="1586688"/>
                  <a:pt x="163501" y="2047446"/>
                  <a:pt x="133813" y="1604101"/>
                </a:cubicBezTo>
                <a:cubicBezTo>
                  <a:pt x="104125" y="1160755"/>
                  <a:pt x="-33821" y="485516"/>
                  <a:pt x="7742" y="235145"/>
                </a:cubicBezTo>
                <a:cubicBezTo>
                  <a:pt x="49305" y="-15226"/>
                  <a:pt x="165089" y="-5825"/>
                  <a:pt x="280874" y="357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462903" y="3754876"/>
            <a:ext cx="902791" cy="1941249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293615 w 847288"/>
              <a:gd name="connsiteY3" fmla="*/ 2018147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7288" h="3452665">
                <a:moveTo>
                  <a:pt x="0" y="4790"/>
                </a:moveTo>
                <a:cubicBezTo>
                  <a:pt x="56626" y="2693"/>
                  <a:pt x="178597" y="-26646"/>
                  <a:pt x="226458" y="89899"/>
                </a:cubicBezTo>
                <a:cubicBezTo>
                  <a:pt x="274319" y="206444"/>
                  <a:pt x="237429" y="396143"/>
                  <a:pt x="287169" y="704061"/>
                </a:cubicBezTo>
                <a:cubicBezTo>
                  <a:pt x="336909" y="1011979"/>
                  <a:pt x="452434" y="1591588"/>
                  <a:pt x="524899" y="1937408"/>
                </a:cubicBezTo>
                <a:cubicBezTo>
                  <a:pt x="597364" y="2283228"/>
                  <a:pt x="629678" y="2401486"/>
                  <a:pt x="721957" y="2778982"/>
                </a:cubicBezTo>
                <a:cubicBezTo>
                  <a:pt x="795976" y="3098806"/>
                  <a:pt x="830510" y="3412817"/>
                  <a:pt x="847288" y="345266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  <a:endCxn id="64" idx="2"/>
          </p:cNvCxnSpPr>
          <p:nvPr/>
        </p:nvCxnSpPr>
        <p:spPr bwMode="auto">
          <a:xfrm>
            <a:off x="1394003" y="1396917"/>
            <a:ext cx="0" cy="187233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5" name="Freeform 44">
            <a:extLst>
              <a:ext uri="{FF2B5EF4-FFF2-40B4-BE49-F238E27FC236}">
                <a16:creationId xmlns:a16="http://schemas.microsoft.com/office/drawing/2014/main" id="{2441E0DC-2D9E-C94F-9B88-2AEBA4BEA640}"/>
              </a:ext>
            </a:extLst>
          </p:cNvPr>
          <p:cNvSpPr/>
          <p:nvPr/>
        </p:nvSpPr>
        <p:spPr bwMode="auto">
          <a:xfrm>
            <a:off x="1298796" y="5300851"/>
            <a:ext cx="164108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20404276-1584-6347-895D-7F48F01781C0}"/>
              </a:ext>
            </a:extLst>
          </p:cNvPr>
          <p:cNvSpPr/>
          <p:nvPr/>
        </p:nvSpPr>
        <p:spPr bwMode="auto">
          <a:xfrm flipH="1">
            <a:off x="911481" y="5293936"/>
            <a:ext cx="181757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E41878A-AA5D-0A49-997C-98EB56EA6102}"/>
              </a:ext>
            </a:extLst>
          </p:cNvPr>
          <p:cNvSpPr/>
          <p:nvPr/>
        </p:nvSpPr>
        <p:spPr bwMode="auto">
          <a:xfrm flipV="1">
            <a:off x="1303124" y="3269256"/>
            <a:ext cx="181758" cy="974803"/>
          </a:xfrm>
          <a:prstGeom prst="rect">
            <a:avLst/>
          </a:prstGeom>
          <a:solidFill>
            <a:schemeClr val="tx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84839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84839" cy="354200"/>
              </a:xfrm>
              <a:prstGeom prst="rect">
                <a:avLst/>
              </a:prstGeom>
              <a:blipFill>
                <a:blip r:embed="rId5"/>
                <a:stretch>
                  <a:fillRect l="-10638" t="-3448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Rectangle 32">
            <a:extLst>
              <a:ext uri="{FF2B5EF4-FFF2-40B4-BE49-F238E27FC236}">
                <a16:creationId xmlns:a16="http://schemas.microsoft.com/office/drawing/2014/main" id="{FD2AF1CE-D06B-A446-A281-40BC45BE608E}"/>
              </a:ext>
            </a:extLst>
          </p:cNvPr>
          <p:cNvSpPr/>
          <p:nvPr/>
        </p:nvSpPr>
        <p:spPr bwMode="auto">
          <a:xfrm>
            <a:off x="1105052" y="5135045"/>
            <a:ext cx="181758" cy="344311"/>
          </a:xfrm>
          <a:prstGeom prst="rect">
            <a:avLst/>
          </a:prstGeom>
          <a:solidFill>
            <a:srgbClr val="A9A9A9"/>
          </a:solidFill>
          <a:ln w="38100" cap="flat" cmpd="sng" algn="ctr">
            <a:solidFill>
              <a:srgbClr val="A9A9A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788456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FD17BD05-2B4F-9849-8822-F8404AD9CC27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AC91696-8955-2D47-A664-8392D6AF3F44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851F1FEF-6014-A544-A8FE-7CA601B1267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064EE540-7544-B649-835D-5F7DB2A6865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1A1E4FE-8A3D-7142-8D41-1D1C1EE3DDD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AB46A604-4669-1449-8117-41BB4D24DC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5BF672A5-9583-B142-8ED7-4D9B6248A65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CDBD01FE-B60B-1E48-9983-C3678C79D62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F168F0E-D548-6343-870B-0C15993016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4CA38D6C-A6E3-FA4A-B050-739DC9FF412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9778B17C-E0D9-6947-A3A7-15F1A4A8FCE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F4A92F47-ACC1-1548-991A-6DFC9880F17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B99BD059-871B-7A4A-A2F1-E00453446C7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13BA33FD-7FBE-7241-84F6-1FBD6AA6C708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9BD8FD7-EB7E-844C-B63B-0FDFD349F3C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DA0781DB-3E53-634B-A980-FB2F2279D73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7054F031-41E7-9240-B556-64D6BFD0B47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36" name="Picture 2">
            <a:extLst>
              <a:ext uri="{FF2B5EF4-FFF2-40B4-BE49-F238E27FC236}">
                <a16:creationId xmlns:a16="http://schemas.microsoft.com/office/drawing/2014/main" id="{3EB37451-8890-344C-BC2C-D73F9AF2E4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691524" y="3772705"/>
            <a:ext cx="674172" cy="1923420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99681" h="3450592">
                <a:moveTo>
                  <a:pt x="0" y="63"/>
                </a:moveTo>
                <a:cubicBezTo>
                  <a:pt x="56626" y="-2034"/>
                  <a:pt x="87429" y="47250"/>
                  <a:pt x="107344" y="245995"/>
                </a:cubicBezTo>
                <a:cubicBezTo>
                  <a:pt x="127259" y="444740"/>
                  <a:pt x="101113" y="899228"/>
                  <a:pt x="119492" y="1192532"/>
                </a:cubicBezTo>
                <a:cubicBezTo>
                  <a:pt x="137871" y="1485836"/>
                  <a:pt x="157337" y="1520470"/>
                  <a:pt x="217617" y="2005817"/>
                </a:cubicBezTo>
                <a:cubicBezTo>
                  <a:pt x="277897" y="2491164"/>
                  <a:pt x="353908" y="3125864"/>
                  <a:pt x="399681" y="3450592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251005" y="1396917"/>
            <a:ext cx="0" cy="192381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5" y="2420888"/>
            <a:ext cx="281740" cy="3258055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160126" y="1589298"/>
            <a:ext cx="181758" cy="1678676"/>
          </a:xfrm>
          <a:prstGeom prst="rect">
            <a:avLst/>
          </a:prstGeom>
          <a:solidFill>
            <a:srgbClr val="009E73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blipFill>
                <a:blip r:embed="rId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7" name="Rectangle 36">
            <a:extLst>
              <a:ext uri="{FF2B5EF4-FFF2-40B4-BE49-F238E27FC236}">
                <a16:creationId xmlns:a16="http://schemas.microsoft.com/office/drawing/2014/main" id="{C4F9AD04-F12F-174E-9AB6-CC389DB27B62}"/>
              </a:ext>
            </a:extLst>
          </p:cNvPr>
          <p:cNvSpPr/>
          <p:nvPr/>
        </p:nvSpPr>
        <p:spPr bwMode="auto">
          <a:xfrm>
            <a:off x="5142155" y="1589298"/>
            <a:ext cx="182880" cy="1679957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3266290C-2160-334F-AFDF-A7491C0ADA4E}"/>
              </a:ext>
            </a:extLst>
          </p:cNvPr>
          <p:cNvSpPr/>
          <p:nvPr/>
        </p:nvSpPr>
        <p:spPr bwMode="auto">
          <a:xfrm>
            <a:off x="5142155" y="3269256"/>
            <a:ext cx="182880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Freeform 38">
            <a:extLst>
              <a:ext uri="{FF2B5EF4-FFF2-40B4-BE49-F238E27FC236}">
                <a16:creationId xmlns:a16="http://schemas.microsoft.com/office/drawing/2014/main" id="{A4BA6EE8-D983-0A45-B94B-B49605E7E688}"/>
              </a:ext>
            </a:extLst>
          </p:cNvPr>
          <p:cNvSpPr/>
          <p:nvPr/>
        </p:nvSpPr>
        <p:spPr bwMode="auto">
          <a:xfrm flipH="1">
            <a:off x="1300095" y="3772705"/>
            <a:ext cx="202065" cy="1929396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225813"/>
              <a:gd name="connsiteY0" fmla="*/ 63 h 3461313"/>
              <a:gd name="connsiteX1" fmla="*/ 107344 w 225813"/>
              <a:gd name="connsiteY1" fmla="*/ 245995 h 3461313"/>
              <a:gd name="connsiteX2" fmla="*/ 119492 w 225813"/>
              <a:gd name="connsiteY2" fmla="*/ 1192532 h 3461313"/>
              <a:gd name="connsiteX3" fmla="*/ 217617 w 225813"/>
              <a:gd name="connsiteY3" fmla="*/ 2005817 h 3461313"/>
              <a:gd name="connsiteX4" fmla="*/ 30154 w 225813"/>
              <a:gd name="connsiteY4" fmla="*/ 3461313 h 3461313"/>
              <a:gd name="connsiteX0" fmla="*/ 0 w 227837"/>
              <a:gd name="connsiteY0" fmla="*/ 63 h 3461313"/>
              <a:gd name="connsiteX1" fmla="*/ 107344 w 227837"/>
              <a:gd name="connsiteY1" fmla="*/ 245995 h 3461313"/>
              <a:gd name="connsiteX2" fmla="*/ 119492 w 227837"/>
              <a:gd name="connsiteY2" fmla="*/ 1192532 h 3461313"/>
              <a:gd name="connsiteX3" fmla="*/ 217617 w 227837"/>
              <a:gd name="connsiteY3" fmla="*/ 2005817 h 3461313"/>
              <a:gd name="connsiteX4" fmla="*/ 30154 w 227837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47829"/>
              <a:gd name="connsiteY0" fmla="*/ 63 h 3461313"/>
              <a:gd name="connsiteX1" fmla="*/ 107344 w 147829"/>
              <a:gd name="connsiteY1" fmla="*/ 245995 h 3461313"/>
              <a:gd name="connsiteX2" fmla="*/ 119492 w 147829"/>
              <a:gd name="connsiteY2" fmla="*/ 1192532 h 3461313"/>
              <a:gd name="connsiteX3" fmla="*/ 144623 w 147829"/>
              <a:gd name="connsiteY3" fmla="*/ 2027260 h 3461313"/>
              <a:gd name="connsiteX4" fmla="*/ 30154 w 147829"/>
              <a:gd name="connsiteY4" fmla="*/ 3461313 h 3461313"/>
              <a:gd name="connsiteX0" fmla="*/ 0 w 152235"/>
              <a:gd name="connsiteY0" fmla="*/ 63 h 3461313"/>
              <a:gd name="connsiteX1" fmla="*/ 107344 w 152235"/>
              <a:gd name="connsiteY1" fmla="*/ 245995 h 3461313"/>
              <a:gd name="connsiteX2" fmla="*/ 151427 w 152235"/>
              <a:gd name="connsiteY2" fmla="*/ 1192532 h 3461313"/>
              <a:gd name="connsiteX3" fmla="*/ 144623 w 152235"/>
              <a:gd name="connsiteY3" fmla="*/ 2027260 h 3461313"/>
              <a:gd name="connsiteX4" fmla="*/ 30154 w 152235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4244" h="3461313">
                <a:moveTo>
                  <a:pt x="0" y="63"/>
                </a:moveTo>
                <a:cubicBezTo>
                  <a:pt x="56626" y="-2034"/>
                  <a:pt x="82106" y="47250"/>
                  <a:pt x="107344" y="245995"/>
                </a:cubicBezTo>
                <a:cubicBezTo>
                  <a:pt x="132582" y="444740"/>
                  <a:pt x="145214" y="895655"/>
                  <a:pt x="151427" y="1192532"/>
                </a:cubicBezTo>
                <a:cubicBezTo>
                  <a:pt x="157640" y="1489409"/>
                  <a:pt x="152775" y="1241705"/>
                  <a:pt x="144623" y="2027260"/>
                </a:cubicBezTo>
                <a:cubicBezTo>
                  <a:pt x="113663" y="2920031"/>
                  <a:pt x="52812" y="3029367"/>
                  <a:pt x="30154" y="3461313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Freeform 19">
            <a:extLst>
              <a:ext uri="{FF2B5EF4-FFF2-40B4-BE49-F238E27FC236}">
                <a16:creationId xmlns:a16="http://schemas.microsoft.com/office/drawing/2014/main" id="{B83CCA8D-1EBB-9042-A703-AA8AEB09125A}"/>
              </a:ext>
            </a:extLst>
          </p:cNvPr>
          <p:cNvSpPr/>
          <p:nvPr/>
        </p:nvSpPr>
        <p:spPr bwMode="auto">
          <a:xfrm>
            <a:off x="1356659" y="2397900"/>
            <a:ext cx="262913" cy="877721"/>
          </a:xfrm>
          <a:custGeom>
            <a:avLst/>
            <a:gdLst>
              <a:gd name="connsiteX0" fmla="*/ 0 w 268941"/>
              <a:gd name="connsiteY0" fmla="*/ 61039 h 927627"/>
              <a:gd name="connsiteX1" fmla="*/ 221129 w 268941"/>
              <a:gd name="connsiteY1" fmla="*/ 90921 h 927627"/>
              <a:gd name="connsiteX2" fmla="*/ 268941 w 268941"/>
              <a:gd name="connsiteY2" fmla="*/ 927627 h 927627"/>
              <a:gd name="connsiteX0" fmla="*/ 0 w 288534"/>
              <a:gd name="connsiteY0" fmla="*/ 20233 h 886821"/>
              <a:gd name="connsiteX1" fmla="*/ 268941 w 288534"/>
              <a:gd name="connsiteY1" fmla="*/ 175621 h 886821"/>
              <a:gd name="connsiteX2" fmla="*/ 268941 w 288534"/>
              <a:gd name="connsiteY2" fmla="*/ 886821 h 886821"/>
              <a:gd name="connsiteX0" fmla="*/ 0 w 283223"/>
              <a:gd name="connsiteY0" fmla="*/ 20233 h 886821"/>
              <a:gd name="connsiteX1" fmla="*/ 268941 w 283223"/>
              <a:gd name="connsiteY1" fmla="*/ 175621 h 886821"/>
              <a:gd name="connsiteX2" fmla="*/ 268941 w 283223"/>
              <a:gd name="connsiteY2" fmla="*/ 886821 h 886821"/>
              <a:gd name="connsiteX0" fmla="*/ 0 w 287849"/>
              <a:gd name="connsiteY0" fmla="*/ 16593 h 883181"/>
              <a:gd name="connsiteX1" fmla="*/ 274917 w 287849"/>
              <a:gd name="connsiteY1" fmla="*/ 201864 h 883181"/>
              <a:gd name="connsiteX2" fmla="*/ 268941 w 287849"/>
              <a:gd name="connsiteY2" fmla="*/ 883181 h 883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87849" h="883181">
                <a:moveTo>
                  <a:pt x="0" y="16593"/>
                </a:moveTo>
                <a:cubicBezTo>
                  <a:pt x="88153" y="-40682"/>
                  <a:pt x="230094" y="57433"/>
                  <a:pt x="274917" y="201864"/>
                </a:cubicBezTo>
                <a:cubicBezTo>
                  <a:pt x="307788" y="406060"/>
                  <a:pt x="267447" y="537043"/>
                  <a:pt x="268941" y="88318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ts val="3600"/>
              </a:lnSpc>
            </a:pPr>
            <a:endParaRPr lang="en-DK" sz="360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C289C14-E012-E34E-9989-F5D079C9C648}"/>
              </a:ext>
            </a:extLst>
          </p:cNvPr>
          <p:cNvSpPr/>
          <p:nvPr/>
        </p:nvSpPr>
        <p:spPr bwMode="auto">
          <a:xfrm>
            <a:off x="1520166" y="3279417"/>
            <a:ext cx="181758" cy="970521"/>
          </a:xfrm>
          <a:prstGeom prst="rect">
            <a:avLst/>
          </a:prstGeom>
          <a:solidFill>
            <a:srgbClr val="ADDACC"/>
          </a:solidFill>
          <a:ln w="38100" cap="flat" cmpd="sng" algn="ctr">
            <a:solidFill>
              <a:srgbClr val="ADDACC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043610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FD17BD05-2B4F-9849-8822-F8404AD9CC27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AC91696-8955-2D47-A664-8392D6AF3F44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851F1FEF-6014-A544-A8FE-7CA601B1267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064EE540-7544-B649-835D-5F7DB2A6865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1A1E4FE-8A3D-7142-8D41-1D1C1EE3DDD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AB46A604-4669-1449-8117-41BB4D24DC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5BF672A5-9583-B142-8ED7-4D9B6248A65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CDBD01FE-B60B-1E48-9983-C3678C79D62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F168F0E-D548-6343-870B-0C15993016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4CA38D6C-A6E3-FA4A-B050-739DC9FF412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9778B17C-E0D9-6947-A3A7-15F1A4A8FCE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F4A92F47-ACC1-1548-991A-6DFC9880F17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B99BD059-871B-7A4A-A2F1-E00453446C7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13BA33FD-7FBE-7241-84F6-1FBD6AA6C708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9BD8FD7-EB7E-844C-B63B-0FDFD349F3C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DA0781DB-3E53-634B-A980-FB2F2279D73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7054F031-41E7-9240-B556-64D6BFD0B47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Emission probabilities</a:t>
            </a: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691524" y="3772705"/>
            <a:ext cx="674172" cy="1923420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99681" h="3450592">
                <a:moveTo>
                  <a:pt x="0" y="63"/>
                </a:moveTo>
                <a:cubicBezTo>
                  <a:pt x="56626" y="-2034"/>
                  <a:pt x="87429" y="47250"/>
                  <a:pt x="107344" y="245995"/>
                </a:cubicBezTo>
                <a:cubicBezTo>
                  <a:pt x="127259" y="444740"/>
                  <a:pt x="101113" y="899228"/>
                  <a:pt x="119492" y="1192532"/>
                </a:cubicBezTo>
                <a:cubicBezTo>
                  <a:pt x="137871" y="1485836"/>
                  <a:pt x="157337" y="1520470"/>
                  <a:pt x="217617" y="2005817"/>
                </a:cubicBezTo>
                <a:cubicBezTo>
                  <a:pt x="277897" y="2491164"/>
                  <a:pt x="353908" y="3125864"/>
                  <a:pt x="399681" y="3450592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251005" y="1396917"/>
            <a:ext cx="0" cy="192381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5" y="2420888"/>
            <a:ext cx="281740" cy="3258055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160126" y="1589298"/>
            <a:ext cx="181758" cy="1678676"/>
          </a:xfrm>
          <a:prstGeom prst="rect">
            <a:avLst/>
          </a:prstGeom>
          <a:solidFill>
            <a:srgbClr val="009E73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blipFill>
                <a:blip r:embed="rId4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9" name="Freeform 38">
            <a:extLst>
              <a:ext uri="{FF2B5EF4-FFF2-40B4-BE49-F238E27FC236}">
                <a16:creationId xmlns:a16="http://schemas.microsoft.com/office/drawing/2014/main" id="{A4BA6EE8-D983-0A45-B94B-B49605E7E688}"/>
              </a:ext>
            </a:extLst>
          </p:cNvPr>
          <p:cNvSpPr/>
          <p:nvPr/>
        </p:nvSpPr>
        <p:spPr bwMode="auto">
          <a:xfrm flipH="1">
            <a:off x="1300095" y="3772705"/>
            <a:ext cx="202065" cy="1929396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225813"/>
              <a:gd name="connsiteY0" fmla="*/ 63 h 3461313"/>
              <a:gd name="connsiteX1" fmla="*/ 107344 w 225813"/>
              <a:gd name="connsiteY1" fmla="*/ 245995 h 3461313"/>
              <a:gd name="connsiteX2" fmla="*/ 119492 w 225813"/>
              <a:gd name="connsiteY2" fmla="*/ 1192532 h 3461313"/>
              <a:gd name="connsiteX3" fmla="*/ 217617 w 225813"/>
              <a:gd name="connsiteY3" fmla="*/ 2005817 h 3461313"/>
              <a:gd name="connsiteX4" fmla="*/ 30154 w 225813"/>
              <a:gd name="connsiteY4" fmla="*/ 3461313 h 3461313"/>
              <a:gd name="connsiteX0" fmla="*/ 0 w 227837"/>
              <a:gd name="connsiteY0" fmla="*/ 63 h 3461313"/>
              <a:gd name="connsiteX1" fmla="*/ 107344 w 227837"/>
              <a:gd name="connsiteY1" fmla="*/ 245995 h 3461313"/>
              <a:gd name="connsiteX2" fmla="*/ 119492 w 227837"/>
              <a:gd name="connsiteY2" fmla="*/ 1192532 h 3461313"/>
              <a:gd name="connsiteX3" fmla="*/ 217617 w 227837"/>
              <a:gd name="connsiteY3" fmla="*/ 2005817 h 3461313"/>
              <a:gd name="connsiteX4" fmla="*/ 30154 w 227837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47829"/>
              <a:gd name="connsiteY0" fmla="*/ 63 h 3461313"/>
              <a:gd name="connsiteX1" fmla="*/ 107344 w 147829"/>
              <a:gd name="connsiteY1" fmla="*/ 245995 h 3461313"/>
              <a:gd name="connsiteX2" fmla="*/ 119492 w 147829"/>
              <a:gd name="connsiteY2" fmla="*/ 1192532 h 3461313"/>
              <a:gd name="connsiteX3" fmla="*/ 144623 w 147829"/>
              <a:gd name="connsiteY3" fmla="*/ 2027260 h 3461313"/>
              <a:gd name="connsiteX4" fmla="*/ 30154 w 147829"/>
              <a:gd name="connsiteY4" fmla="*/ 3461313 h 3461313"/>
              <a:gd name="connsiteX0" fmla="*/ 0 w 152235"/>
              <a:gd name="connsiteY0" fmla="*/ 63 h 3461313"/>
              <a:gd name="connsiteX1" fmla="*/ 107344 w 152235"/>
              <a:gd name="connsiteY1" fmla="*/ 245995 h 3461313"/>
              <a:gd name="connsiteX2" fmla="*/ 151427 w 152235"/>
              <a:gd name="connsiteY2" fmla="*/ 1192532 h 3461313"/>
              <a:gd name="connsiteX3" fmla="*/ 144623 w 152235"/>
              <a:gd name="connsiteY3" fmla="*/ 2027260 h 3461313"/>
              <a:gd name="connsiteX4" fmla="*/ 30154 w 152235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4244" h="3461313">
                <a:moveTo>
                  <a:pt x="0" y="63"/>
                </a:moveTo>
                <a:cubicBezTo>
                  <a:pt x="56626" y="-2034"/>
                  <a:pt x="82106" y="47250"/>
                  <a:pt x="107344" y="245995"/>
                </a:cubicBezTo>
                <a:cubicBezTo>
                  <a:pt x="132582" y="444740"/>
                  <a:pt x="145214" y="895655"/>
                  <a:pt x="151427" y="1192532"/>
                </a:cubicBezTo>
                <a:cubicBezTo>
                  <a:pt x="157640" y="1489409"/>
                  <a:pt x="152775" y="1241705"/>
                  <a:pt x="144623" y="2027260"/>
                </a:cubicBezTo>
                <a:cubicBezTo>
                  <a:pt x="113663" y="2920031"/>
                  <a:pt x="52812" y="3029367"/>
                  <a:pt x="30154" y="3461313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Freeform 19">
            <a:extLst>
              <a:ext uri="{FF2B5EF4-FFF2-40B4-BE49-F238E27FC236}">
                <a16:creationId xmlns:a16="http://schemas.microsoft.com/office/drawing/2014/main" id="{B83CCA8D-1EBB-9042-A703-AA8AEB09125A}"/>
              </a:ext>
            </a:extLst>
          </p:cNvPr>
          <p:cNvSpPr/>
          <p:nvPr/>
        </p:nvSpPr>
        <p:spPr bwMode="auto">
          <a:xfrm>
            <a:off x="1356659" y="2397900"/>
            <a:ext cx="262913" cy="877721"/>
          </a:xfrm>
          <a:custGeom>
            <a:avLst/>
            <a:gdLst>
              <a:gd name="connsiteX0" fmla="*/ 0 w 268941"/>
              <a:gd name="connsiteY0" fmla="*/ 61039 h 927627"/>
              <a:gd name="connsiteX1" fmla="*/ 221129 w 268941"/>
              <a:gd name="connsiteY1" fmla="*/ 90921 h 927627"/>
              <a:gd name="connsiteX2" fmla="*/ 268941 w 268941"/>
              <a:gd name="connsiteY2" fmla="*/ 927627 h 927627"/>
              <a:gd name="connsiteX0" fmla="*/ 0 w 288534"/>
              <a:gd name="connsiteY0" fmla="*/ 20233 h 886821"/>
              <a:gd name="connsiteX1" fmla="*/ 268941 w 288534"/>
              <a:gd name="connsiteY1" fmla="*/ 175621 h 886821"/>
              <a:gd name="connsiteX2" fmla="*/ 268941 w 288534"/>
              <a:gd name="connsiteY2" fmla="*/ 886821 h 886821"/>
              <a:gd name="connsiteX0" fmla="*/ 0 w 283223"/>
              <a:gd name="connsiteY0" fmla="*/ 20233 h 886821"/>
              <a:gd name="connsiteX1" fmla="*/ 268941 w 283223"/>
              <a:gd name="connsiteY1" fmla="*/ 175621 h 886821"/>
              <a:gd name="connsiteX2" fmla="*/ 268941 w 283223"/>
              <a:gd name="connsiteY2" fmla="*/ 886821 h 886821"/>
              <a:gd name="connsiteX0" fmla="*/ 0 w 287849"/>
              <a:gd name="connsiteY0" fmla="*/ 16593 h 883181"/>
              <a:gd name="connsiteX1" fmla="*/ 274917 w 287849"/>
              <a:gd name="connsiteY1" fmla="*/ 201864 h 883181"/>
              <a:gd name="connsiteX2" fmla="*/ 268941 w 287849"/>
              <a:gd name="connsiteY2" fmla="*/ 883181 h 883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87849" h="883181">
                <a:moveTo>
                  <a:pt x="0" y="16593"/>
                </a:moveTo>
                <a:cubicBezTo>
                  <a:pt x="88153" y="-40682"/>
                  <a:pt x="230094" y="57433"/>
                  <a:pt x="274917" y="201864"/>
                </a:cubicBezTo>
                <a:cubicBezTo>
                  <a:pt x="307788" y="406060"/>
                  <a:pt x="267447" y="537043"/>
                  <a:pt x="268941" y="88318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ts val="3600"/>
              </a:lnSpc>
            </a:pPr>
            <a:endParaRPr lang="en-DK" sz="360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C289C14-E012-E34E-9989-F5D079C9C648}"/>
              </a:ext>
            </a:extLst>
          </p:cNvPr>
          <p:cNvSpPr/>
          <p:nvPr/>
        </p:nvSpPr>
        <p:spPr bwMode="auto">
          <a:xfrm>
            <a:off x="1520166" y="3279417"/>
            <a:ext cx="181758" cy="970521"/>
          </a:xfrm>
          <a:prstGeom prst="rect">
            <a:avLst/>
          </a:prstGeom>
          <a:solidFill>
            <a:srgbClr val="ADDACC"/>
          </a:solidFill>
          <a:ln w="38100" cap="flat" cmpd="sng" algn="ctr">
            <a:solidFill>
              <a:srgbClr val="ADDACC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B41C522-AA55-7E56-7AF2-9FEDC130F297}"/>
              </a:ext>
            </a:extLst>
          </p:cNvPr>
          <p:cNvSpPr txBox="1"/>
          <p:nvPr/>
        </p:nvSpPr>
        <p:spPr>
          <a:xfrm>
            <a:off x="5928852" y="1355388"/>
            <a:ext cx="310501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nalytical calculations using JC69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3BFAC0-ECDB-BA6D-1A9D-FA84C9C10353}"/>
              </a:ext>
            </a:extLst>
          </p:cNvPr>
          <p:cNvSpPr/>
          <p:nvPr/>
        </p:nvSpPr>
        <p:spPr bwMode="auto">
          <a:xfrm>
            <a:off x="2926060" y="1719854"/>
            <a:ext cx="9110602" cy="398224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A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T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C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A G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A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T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C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T G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A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T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C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C G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A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T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C G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A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A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A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A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T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T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T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T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C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C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C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C G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G A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G T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G C</a:t>
            </a:r>
          </a:p>
          <a:p>
            <a:pPr algn="ctr">
              <a:lnSpc>
                <a:spcPct val="95000"/>
              </a:lnSpc>
            </a:pPr>
            <a:r>
              <a:rPr lang="en-GB" sz="1100" dirty="0">
                <a:latin typeface="Courier New" panose="02070309020205020404" pitchFamily="49" charset="0"/>
                <a:cs typeface="Courier New" panose="02070309020205020404" pitchFamily="49" charset="0"/>
              </a:rPr>
              <a:t>G G G G</a:t>
            </a:r>
            <a:endParaRPr lang="en-DK" sz="1100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1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5268639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2" name="TextBox 51">
            <a:extLst>
              <a:ext uri="{FF2B5EF4-FFF2-40B4-BE49-F238E27FC236}">
                <a16:creationId xmlns:a16="http://schemas.microsoft.com/office/drawing/2014/main" id="{71B54179-819F-08B6-DEF5-CEB01339269A}"/>
              </a:ext>
            </a:extLst>
          </p:cNvPr>
          <p:cNvSpPr txBox="1"/>
          <p:nvPr/>
        </p:nvSpPr>
        <p:spPr>
          <a:xfrm>
            <a:off x="549796" y="4995290"/>
            <a:ext cx="334065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Human	     Chimp	              Gorilla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8AEB65B3-FEC5-885D-DD8C-FCA84B782AA3}"/>
              </a:ext>
            </a:extLst>
          </p:cNvPr>
          <p:cNvSpPr txBox="1"/>
          <p:nvPr/>
        </p:nvSpPr>
        <p:spPr>
          <a:xfrm>
            <a:off x="4423584" y="4995290"/>
            <a:ext cx="334065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Human	     Chimp	              Gorilla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2D88673F-E164-813B-B15A-F10658770181}"/>
              </a:ext>
            </a:extLst>
          </p:cNvPr>
          <p:cNvSpPr txBox="1"/>
          <p:nvPr/>
        </p:nvSpPr>
        <p:spPr>
          <a:xfrm>
            <a:off x="8254652" y="4995290"/>
            <a:ext cx="334065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Human	     Chimp	              Gorilla</a:t>
            </a:r>
          </a:p>
        </p:txBody>
      </p:sp>
      <p:pic>
        <p:nvPicPr>
          <p:cNvPr id="55" name="Graphic 54">
            <a:extLst>
              <a:ext uri="{FF2B5EF4-FFF2-40B4-BE49-F238E27FC236}">
                <a16:creationId xmlns:a16="http://schemas.microsoft.com/office/drawing/2014/main" id="{0439EC02-1F78-AFF6-4185-31991812D5A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402907" y="1124791"/>
            <a:ext cx="11366504" cy="3749437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56" name="TextBox 55">
                <a:extLst>
                  <a:ext uri="{FF2B5EF4-FFF2-40B4-BE49-F238E27FC236}">
                    <a16:creationId xmlns:a16="http://schemas.microsoft.com/office/drawing/2014/main" id="{DA9938C4-97FC-78CF-6EDD-9AA694561DB4}"/>
                  </a:ext>
                </a:extLst>
              </p:cNvPr>
              <p:cNvSpPr txBox="1"/>
              <p:nvPr/>
            </p:nvSpPr>
            <p:spPr>
              <a:xfrm>
                <a:off x="2638028" y="5307804"/>
                <a:ext cx="6714603" cy="85081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15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func>
                        <m:func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funcPr>
                        <m:fName>
                          <m:r>
                            <m:rPr>
                              <m:sty m:val="p"/>
                            </m:rPr>
                            <a:rPr lang="da-DK" sz="1800" b="0" i="0" smtClean="0">
                              <a:latin typeface="Cambria Math" panose="02040503050406030204" pitchFamily="18" charset="0"/>
                            </a:rPr>
                            <m:t>Pr</m:t>
                          </m:r>
                        </m:fName>
                        <m:e>
                          <m:d>
                            <m:dPr>
                              <m:ctrlP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m:rPr>
                                  <m:sty m:val="p"/>
                                </m:rPr>
                                <a:rPr lang="da-DK" sz="1800" b="0" i="0" smtClean="0">
                                  <a:latin typeface="Cambria Math" panose="02040503050406030204" pitchFamily="18" charset="0"/>
                                </a:rPr>
                                <m:t>ILS</m:t>
                              </m:r>
                            </m:e>
                          </m:d>
                        </m:e>
                      </m:func>
                      <m:r>
                        <a:rPr lang="da-DK" sz="1800" b="0" i="1" smtClean="0">
                          <a:latin typeface="Cambria Math" panose="02040503050406030204" pitchFamily="18" charset="0"/>
                        </a:rPr>
                        <m:t>=</m:t>
                      </m:r>
                      <m:func>
                        <m:func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funcPr>
                        <m:fName>
                          <m:r>
                            <m:rPr>
                              <m:sty m:val="p"/>
                            </m:rPr>
                            <a:rPr lang="da-DK" sz="1800" b="0" i="0" smtClean="0">
                              <a:latin typeface="Cambria Math" panose="02040503050406030204" pitchFamily="18" charset="0"/>
                            </a:rPr>
                            <m:t>Pr</m:t>
                          </m:r>
                        </m:fName>
                        <m:e>
                          <m:d>
                            <m:dPr>
                              <m:ctrlP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m:rPr>
                                  <m:sty m:val="p"/>
                                </m:rPr>
                                <a:rPr lang="da-DK" sz="1800" b="0" i="0" smtClean="0">
                                  <a:latin typeface="Cambria Math" panose="02040503050406030204" pitchFamily="18" charset="0"/>
                                </a:rPr>
                                <m:t>gene</m:t>
                              </m:r>
                              <m:r>
                                <a:rPr lang="da-DK" sz="18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1800" b="0" i="0" smtClean="0">
                                  <a:latin typeface="Cambria Math" panose="02040503050406030204" pitchFamily="18" charset="0"/>
                                </a:rPr>
                                <m:t>tree</m:t>
                              </m:r>
                              <m:r>
                                <a:rPr lang="da-DK" sz="1800" b="0" i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≠</m:t>
                              </m:r>
                              <m:r>
                                <m:rPr>
                                  <m:sty m:val="p"/>
                                </m:rPr>
                                <a:rPr lang="da-DK" sz="1800" b="0" i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species</m:t>
                              </m:r>
                              <m:r>
                                <a:rPr lang="da-DK" sz="1800" b="0" i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1800" b="0" i="0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tree</m:t>
                              </m:r>
                            </m:e>
                          </m:d>
                        </m:e>
                      </m:func>
                      <m:r>
                        <a:rPr lang="da-DK" sz="18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num>
                        <m:den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den>
                      </m:f>
                      <m:r>
                        <m:rPr>
                          <m:sty m:val="p"/>
                        </m:rPr>
                        <a:rPr lang="da-DK" sz="1800" b="0" i="0" smtClean="0">
                          <a:latin typeface="Cambria Math" panose="02040503050406030204" pitchFamily="18" charset="0"/>
                        </a:rPr>
                        <m:t>exp</m:t>
                      </m:r>
                      <m:r>
                        <a:rPr lang="da-DK" sz="1800" b="0" i="1" smtClean="0">
                          <a:latin typeface="Cambria Math" panose="02040503050406030204" pitchFamily="18" charset="0"/>
                        </a:rPr>
                        <m:t>⁡</m:t>
                      </m:r>
                      <m:d>
                        <m:d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f>
                            <m:fPr>
                              <m:ctrlPr>
                                <a:rPr lang="da-DK" sz="1800" i="1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da-DK" sz="180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𝑡</m:t>
                                  </m:r>
                                </m:e>
                                <m:sub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  <m:r>
                                <a:rPr lang="da-DK" sz="1800" i="1"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sSub>
                                <m:sSubPr>
                                  <m:ctrlP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𝑡</m:t>
                                  </m:r>
                                </m:e>
                                <m:sub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</m:num>
                            <m:den>
                              <m:r>
                                <a:rPr lang="da-DK" sz="1800" i="1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  <m:sSub>
                                <m:sSubPr>
                                  <m:ctrlP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𝑁</m:t>
                                  </m:r>
                                </m:e>
                                <m:sub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𝑒</m:t>
                                  </m:r>
                                </m:sub>
                              </m:sSub>
                            </m:den>
                          </m:f>
                        </m:e>
                      </m:d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>
          <p:sp>
            <p:nvSpPr>
              <p:cNvPr id="56" name="TextBox 55">
                <a:extLst>
                  <a:ext uri="{FF2B5EF4-FFF2-40B4-BE49-F238E27FC236}">
                    <a16:creationId xmlns:a16="http://schemas.microsoft.com/office/drawing/2014/main" id="{DA9938C4-97FC-78CF-6EDD-9AA694561DB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38028" y="5307804"/>
                <a:ext cx="6714603" cy="850810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7B9BD424-E251-9A41-BC72-992B3C3FF81A}"/>
              </a:ext>
            </a:extLst>
          </p:cNvPr>
          <p:cNvSpPr txBox="1"/>
          <p:nvPr/>
        </p:nvSpPr>
        <p:spPr>
          <a:xfrm>
            <a:off x="995750" y="1412776"/>
            <a:ext cx="4387676" cy="63094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180767C1-449F-FE43-B949-96F4FA63AE4F}"/>
              </a:ext>
            </a:extLst>
          </p:cNvPr>
          <p:cNvSpPr txBox="1"/>
          <p:nvPr/>
        </p:nvSpPr>
        <p:spPr>
          <a:xfrm>
            <a:off x="995750" y="1412776"/>
            <a:ext cx="3621184" cy="98488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Next steps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>
                <a:latin typeface="+mn-lt"/>
              </a:rPr>
              <a:t>Finish the emission probabilities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995750" y="1412776"/>
            <a:ext cx="4988545" cy="417037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 and introgression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ABEB0267-AC2C-B94C-A3A3-9FC6A8766013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7A6DDD06-5F41-F94C-A23F-EE0A0CACD45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11" name="Graphic 10">
              <a:extLst>
                <a:ext uri="{FF2B5EF4-FFF2-40B4-BE49-F238E27FC236}">
                  <a16:creationId xmlns:a16="http://schemas.microsoft.com/office/drawing/2014/main" id="{DF6DD067-B6DE-314E-A612-7FB34DC9928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9908E038-4AA5-E94B-9468-050DB70062E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13" name="Graphic 12">
              <a:extLst>
                <a:ext uri="{FF2B5EF4-FFF2-40B4-BE49-F238E27FC236}">
                  <a16:creationId xmlns:a16="http://schemas.microsoft.com/office/drawing/2014/main" id="{F6DA692A-942C-814E-9861-D99EAB3BBABD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17" name="Picture 16" descr="Figure 1">
            <a:extLst>
              <a:ext uri="{FF2B5EF4-FFF2-40B4-BE49-F238E27FC236}">
                <a16:creationId xmlns:a16="http://schemas.microsoft.com/office/drawing/2014/main" id="{6BEF2007-F7AA-0F43-BCD4-965E24D8D6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1320326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4F5AE9B-BEF7-0443-98D1-37AF1FE2B829}"/>
              </a:ext>
            </a:extLst>
          </p:cNvPr>
          <p:cNvSpPr txBox="1"/>
          <p:nvPr/>
        </p:nvSpPr>
        <p:spPr>
          <a:xfrm>
            <a:off x="3703511" y="5760821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2992E832-CE0A-FA42-8987-67FC4D5D54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D1A50CB-414F-D74D-B31A-2C31FB92B7CA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406640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124744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438167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700646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RAIL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  <p:sp>
        <p:nvSpPr>
          <p:cNvPr id="6" name="Title 3">
            <a:extLst>
              <a:ext uri="{FF2B5EF4-FFF2-40B4-BE49-F238E27FC236}">
                <a16:creationId xmlns:a16="http://schemas.microsoft.com/office/drawing/2014/main" id="{4AF5794A-2C62-A2A4-2D81-C13153B59B2B}"/>
              </a:ext>
            </a:extLst>
          </p:cNvPr>
          <p:cNvSpPr txBox="1">
            <a:spLocks/>
          </p:cNvSpPr>
          <p:nvPr/>
        </p:nvSpPr>
        <p:spPr bwMode="auto">
          <a:xfrm>
            <a:off x="315913" y="948707"/>
            <a:ext cx="11556000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2400" u="sng" kern="0" dirty="0"/>
              <a:t>T</a:t>
            </a:r>
            <a:r>
              <a:rPr lang="en-GB" sz="2400" kern="0" dirty="0"/>
              <a:t>opological </a:t>
            </a:r>
            <a:r>
              <a:rPr lang="en-GB" sz="2400" u="sng" kern="0" dirty="0"/>
              <a:t>R</a:t>
            </a:r>
            <a:r>
              <a:rPr lang="en-GB" sz="2400" kern="0" dirty="0"/>
              <a:t>econstruction of the </a:t>
            </a:r>
            <a:r>
              <a:rPr lang="en-GB" sz="2400" u="sng" kern="0" dirty="0"/>
              <a:t>A</a:t>
            </a:r>
            <a:r>
              <a:rPr lang="en-GB" sz="2400" kern="0" dirty="0"/>
              <a:t>ncestry using </a:t>
            </a:r>
            <a:r>
              <a:rPr lang="en-GB" sz="2400" u="sng" kern="0" dirty="0"/>
              <a:t>I</a:t>
            </a:r>
            <a:r>
              <a:rPr lang="en-GB" sz="2400" kern="0" dirty="0"/>
              <a:t>ncomplete </a:t>
            </a:r>
            <a:r>
              <a:rPr lang="en-GB" sz="2400" u="sng" kern="0" dirty="0"/>
              <a:t>L</a:t>
            </a:r>
            <a:r>
              <a:rPr lang="en-GB" sz="2400" kern="0" dirty="0"/>
              <a:t>ineage </a:t>
            </a:r>
            <a:r>
              <a:rPr lang="en-GB" sz="2400" u="sng" kern="0" dirty="0"/>
              <a:t>S</a:t>
            </a:r>
            <a:r>
              <a:rPr lang="en-GB" sz="2400" kern="0" dirty="0"/>
              <a:t>ort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A9D173E-25E0-F241-937E-7679C8A276B5}"/>
              </a:ext>
            </a:extLst>
          </p:cNvPr>
          <p:cNvGrpSpPr/>
          <p:nvPr/>
        </p:nvGrpSpPr>
        <p:grpSpPr>
          <a:xfrm>
            <a:off x="1053852" y="1397151"/>
            <a:ext cx="10292107" cy="3544017"/>
            <a:chOff x="553410" y="1253135"/>
            <a:chExt cx="8702161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FC282287-E416-8843-A4D1-9962B391FC9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77B4BFC3-A717-BB49-9096-E739EE62A1B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A97BD1C-ED78-CB41-BD52-FF524E207B2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E916046-A72F-AD47-9FB1-68AD37807C5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91444" cy="3556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91444" cy="355610"/>
              </a:xfrm>
              <a:prstGeom prst="rect">
                <a:avLst/>
              </a:prstGeom>
              <a:blipFill>
                <a:blip r:embed="rId12"/>
                <a:stretch>
                  <a:fillRect l="-8333" t="-333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4742506" y="1427005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2506" y="1427005"/>
                <a:ext cx="591444" cy="354969"/>
              </a:xfrm>
              <a:prstGeom prst="rect">
                <a:avLst/>
              </a:prstGeom>
              <a:blipFill>
                <a:blip r:embed="rId13"/>
                <a:stretch>
                  <a:fillRect l="-8333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6977299" y="1422135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77299" y="1422135"/>
                <a:ext cx="591444" cy="354969"/>
              </a:xfrm>
              <a:prstGeom prst="rect">
                <a:avLst/>
              </a:prstGeom>
              <a:blipFill>
                <a:blip r:embed="rId14"/>
                <a:stretch>
                  <a:fillRect l="-10417" t="-3333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9263065" y="1428839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63065" y="1428839"/>
                <a:ext cx="591444" cy="354969"/>
              </a:xfrm>
              <a:prstGeom prst="rect">
                <a:avLst/>
              </a:prstGeom>
              <a:blipFill>
                <a:blip r:embed="rId1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680B03B-7C26-774F-BB32-84CBD2FFA054}"/>
              </a:ext>
            </a:extLst>
          </p:cNvPr>
          <p:cNvSpPr txBox="1"/>
          <p:nvPr/>
        </p:nvSpPr>
        <p:spPr>
          <a:xfrm>
            <a:off x="4303522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9B06EFC-7E2E-5F43-893E-6877AAFE01FB}"/>
              </a:ext>
            </a:extLst>
          </p:cNvPr>
          <p:cNvSpPr txBox="1"/>
          <p:nvPr/>
        </p:nvSpPr>
        <p:spPr>
          <a:xfrm>
            <a:off x="4303522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43ED407-9F51-DC48-BE84-DFD4BF9CFB98}"/>
              </a:ext>
            </a:extLst>
          </p:cNvPr>
          <p:cNvSpPr txBox="1"/>
          <p:nvPr/>
        </p:nvSpPr>
        <p:spPr>
          <a:xfrm>
            <a:off x="4303522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5F54988B-E5F0-5148-AA4B-8FAC6464B607}"/>
              </a:ext>
            </a:extLst>
          </p:cNvPr>
          <p:cNvSpPr txBox="1"/>
          <p:nvPr/>
        </p:nvSpPr>
        <p:spPr>
          <a:xfrm>
            <a:off x="4303521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0FD2D5B-C7B5-6F4E-A1E6-A43517F00DDE}"/>
              </a:ext>
            </a:extLst>
          </p:cNvPr>
          <p:cNvSpPr txBox="1"/>
          <p:nvPr/>
        </p:nvSpPr>
        <p:spPr>
          <a:xfrm>
            <a:off x="4299273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0ADEDAEF-6248-6B41-8B2F-7F92028D2C5D}"/>
              </a:ext>
            </a:extLst>
          </p:cNvPr>
          <p:cNvSpPr txBox="1"/>
          <p:nvPr/>
        </p:nvSpPr>
        <p:spPr>
          <a:xfrm>
            <a:off x="4299273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BD8CC98-9724-A444-BE5D-D761A3572F9F}"/>
              </a:ext>
            </a:extLst>
          </p:cNvPr>
          <p:cNvSpPr txBox="1"/>
          <p:nvPr/>
        </p:nvSpPr>
        <p:spPr>
          <a:xfrm>
            <a:off x="6548703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E46A5E6-8F55-C84D-AD84-EDC462859284}"/>
              </a:ext>
            </a:extLst>
          </p:cNvPr>
          <p:cNvSpPr txBox="1"/>
          <p:nvPr/>
        </p:nvSpPr>
        <p:spPr>
          <a:xfrm>
            <a:off x="6548703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E3378DB-3B84-6847-88EB-02D5D3DCEC3C}"/>
              </a:ext>
            </a:extLst>
          </p:cNvPr>
          <p:cNvSpPr txBox="1"/>
          <p:nvPr/>
        </p:nvSpPr>
        <p:spPr>
          <a:xfrm>
            <a:off x="6548703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61CE81F-F73E-D143-ACEC-C556F2EFA367}"/>
              </a:ext>
            </a:extLst>
          </p:cNvPr>
          <p:cNvSpPr txBox="1"/>
          <p:nvPr/>
        </p:nvSpPr>
        <p:spPr>
          <a:xfrm>
            <a:off x="6548702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E9425B60-08A1-D14E-B039-C6560829C5C4}"/>
              </a:ext>
            </a:extLst>
          </p:cNvPr>
          <p:cNvSpPr txBox="1"/>
          <p:nvPr/>
        </p:nvSpPr>
        <p:spPr>
          <a:xfrm>
            <a:off x="6544454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5058FDC-6F4C-8B45-9254-BA339F9F531B}"/>
              </a:ext>
            </a:extLst>
          </p:cNvPr>
          <p:cNvSpPr txBox="1"/>
          <p:nvPr/>
        </p:nvSpPr>
        <p:spPr>
          <a:xfrm>
            <a:off x="6544454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2F4E5182-75A2-4246-99B6-3613574C9F16}"/>
              </a:ext>
            </a:extLst>
          </p:cNvPr>
          <p:cNvSpPr txBox="1"/>
          <p:nvPr/>
        </p:nvSpPr>
        <p:spPr>
          <a:xfrm>
            <a:off x="8813738" y="3537480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3B8F172-69E3-7E4D-ABB4-7B5ED57FDFC7}"/>
              </a:ext>
            </a:extLst>
          </p:cNvPr>
          <p:cNvSpPr txBox="1"/>
          <p:nvPr/>
        </p:nvSpPr>
        <p:spPr>
          <a:xfrm>
            <a:off x="8813738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8C37026-3548-7745-9689-FD48918CEDE8}"/>
              </a:ext>
            </a:extLst>
          </p:cNvPr>
          <p:cNvSpPr txBox="1"/>
          <p:nvPr/>
        </p:nvSpPr>
        <p:spPr>
          <a:xfrm>
            <a:off x="8813738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D069DDD-E3AC-F045-A3CD-E4E77F2B618A}"/>
              </a:ext>
            </a:extLst>
          </p:cNvPr>
          <p:cNvSpPr txBox="1"/>
          <p:nvPr/>
        </p:nvSpPr>
        <p:spPr>
          <a:xfrm>
            <a:off x="8813737" y="280004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E05A9529-31FE-084E-A67D-0532633C6EEC}"/>
              </a:ext>
            </a:extLst>
          </p:cNvPr>
          <p:cNvSpPr txBox="1"/>
          <p:nvPr/>
        </p:nvSpPr>
        <p:spPr>
          <a:xfrm>
            <a:off x="8809489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1F036DA5-B470-2247-9024-7A6C65A8F4D0}"/>
              </a:ext>
            </a:extLst>
          </p:cNvPr>
          <p:cNvSpPr txBox="1"/>
          <p:nvPr/>
        </p:nvSpPr>
        <p:spPr>
          <a:xfrm>
            <a:off x="8809489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blipFill>
                <a:blip r:embed="rId16"/>
                <a:stretch>
                  <a:fillRect l="-906" t="-2174" r="-906" b="-195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E40D124-E02B-C84D-B054-90B6F5606A45}"/>
              </a:ext>
            </a:extLst>
          </p:cNvPr>
          <p:cNvSpPr txBox="1"/>
          <p:nvPr/>
        </p:nvSpPr>
        <p:spPr>
          <a:xfrm rot="16200000">
            <a:off x="3849521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34EF1312-8EE1-6A40-AA73-A22E25667EC2}"/>
              </a:ext>
            </a:extLst>
          </p:cNvPr>
          <p:cNvSpPr txBox="1"/>
          <p:nvPr/>
        </p:nvSpPr>
        <p:spPr>
          <a:xfrm rot="16200000">
            <a:off x="3745326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D27FFB1-9209-4B42-8D5B-7C51732D6714}"/>
              </a:ext>
            </a:extLst>
          </p:cNvPr>
          <p:cNvSpPr txBox="1"/>
          <p:nvPr/>
        </p:nvSpPr>
        <p:spPr>
          <a:xfrm rot="16200000">
            <a:off x="6076934" y="2404288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C5227C7-9AB7-6441-9723-A087BF18C88F}"/>
              </a:ext>
            </a:extLst>
          </p:cNvPr>
          <p:cNvSpPr txBox="1"/>
          <p:nvPr/>
        </p:nvSpPr>
        <p:spPr>
          <a:xfrm rot="16200000">
            <a:off x="5972739" y="3253742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EB42E333-3656-1940-9ABF-C3B3625EF201}"/>
              </a:ext>
            </a:extLst>
          </p:cNvPr>
          <p:cNvSpPr txBox="1"/>
          <p:nvPr/>
        </p:nvSpPr>
        <p:spPr>
          <a:xfrm rot="16200000">
            <a:off x="8336343" y="2404286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A19B799-4410-4C42-A4D8-29759F665CAC}"/>
              </a:ext>
            </a:extLst>
          </p:cNvPr>
          <p:cNvSpPr txBox="1"/>
          <p:nvPr/>
        </p:nvSpPr>
        <p:spPr>
          <a:xfrm rot="16200000">
            <a:off x="8232148" y="3253740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58" name="Right Brace 57">
            <a:extLst>
              <a:ext uri="{FF2B5EF4-FFF2-40B4-BE49-F238E27FC236}">
                <a16:creationId xmlns:a16="http://schemas.microsoft.com/office/drawing/2014/main" id="{4CA981F1-D60D-1048-9D97-57751A1D45F7}"/>
              </a:ext>
            </a:extLst>
          </p:cNvPr>
          <p:cNvSpPr/>
          <p:nvPr/>
        </p:nvSpPr>
        <p:spPr bwMode="auto">
          <a:xfrm rot="5400000">
            <a:off x="7093663" y="1644024"/>
            <a:ext cx="458159" cy="6336211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/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X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blipFill>
                <a:blip r:embed="rId17"/>
                <a:stretch>
                  <a:fillRect l="-631" t="-2128" r="-631" b="-1914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5EF29241-4E1E-A14E-B76B-F917456ABAB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863B1A4E-DB1C-9A42-81B4-B3D406C0B8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31</Words>
  <Application>Microsoft Macintosh PowerPoint</Application>
  <PresentationFormat>Custom</PresentationFormat>
  <Paragraphs>498</Paragraphs>
  <Slides>23</Slides>
  <Notes>22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4" baseType="lpstr">
      <vt:lpstr>Cambria Math</vt:lpstr>
      <vt:lpstr>AU Peto</vt:lpstr>
      <vt:lpstr>Calibri</vt:lpstr>
      <vt:lpstr>Arial</vt:lpstr>
      <vt:lpstr>Courier New</vt:lpstr>
      <vt:lpstr>Trebuchet MS</vt:lpstr>
      <vt:lpstr>Georgia</vt:lpstr>
      <vt:lpstr>AU Passata Light</vt:lpstr>
      <vt:lpstr>Wingdings 3</vt:lpstr>
      <vt:lpstr>AU Passata</vt:lpstr>
      <vt:lpstr>AU 16:9</vt:lpstr>
      <vt:lpstr>TRAILS: topological reconstruction of the ancestry using incomplete lineage sorting</vt:lpstr>
      <vt:lpstr>Incomplete lineage sorting (ILS)</vt:lpstr>
      <vt:lpstr>HMMs</vt:lpstr>
      <vt:lpstr>HMMs</vt:lpstr>
      <vt:lpstr>TRAILS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The transition probability matrix</vt:lpstr>
      <vt:lpstr>Simulating from the model</vt:lpstr>
      <vt:lpstr>Simulating from the model</vt:lpstr>
      <vt:lpstr>Simulating from the model</vt:lpstr>
      <vt:lpstr>Emission probabilities</vt:lpstr>
      <vt:lpstr>Discussion</vt:lpstr>
      <vt:lpstr>Discussion</vt:lpstr>
      <vt:lpstr>Discuss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6-13T08:19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